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4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5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6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tags/tag2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notesSlides/notesSlide1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7"/>
  </p:sldMasterIdLst>
  <p:notesMasterIdLst>
    <p:notesMasterId r:id="rId26"/>
  </p:notesMasterIdLst>
  <p:sldIdLst>
    <p:sldId id="256" r:id="rId8"/>
    <p:sldId id="272" r:id="rId9"/>
    <p:sldId id="265" r:id="rId10"/>
    <p:sldId id="260" r:id="rId11"/>
    <p:sldId id="264" r:id="rId12"/>
    <p:sldId id="259" r:id="rId13"/>
    <p:sldId id="261" r:id="rId14"/>
    <p:sldId id="268" r:id="rId15"/>
    <p:sldId id="267" r:id="rId16"/>
    <p:sldId id="271" r:id="rId17"/>
    <p:sldId id="274" r:id="rId18"/>
    <p:sldId id="263" r:id="rId19"/>
    <p:sldId id="275" r:id="rId20"/>
    <p:sldId id="273" r:id="rId21"/>
    <p:sldId id="282" r:id="rId22"/>
    <p:sldId id="280" r:id="rId23"/>
    <p:sldId id="281" r:id="rId24"/>
    <p:sldId id="279" r:id="rId25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67F43"/>
    <a:srgbClr val="9DCA70"/>
    <a:srgbClr val="B9D99A"/>
    <a:srgbClr val="F0FFD6"/>
    <a:srgbClr val="D0E4D9"/>
    <a:srgbClr val="A2C9B3"/>
    <a:srgbClr val="2D8653"/>
    <a:srgbClr val="B3B3B3"/>
    <a:srgbClr val="000000"/>
    <a:srgbClr val="BECBB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78529" autoAdjust="0"/>
  </p:normalViewPr>
  <p:slideViewPr>
    <p:cSldViewPr showGuides="1">
      <p:cViewPr varScale="1">
        <p:scale>
          <a:sx n="88" d="100"/>
          <a:sy n="88" d="100"/>
        </p:scale>
        <p:origin x="1416" y="9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4.xml"/><Relationship Id="rId7" Type="http://schemas.openxmlformats.org/officeDocument/2006/relationships/slideMaster" Target="slideMasters/slideMaster1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slide" Target="slides/slide18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29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4.xml"/><Relationship Id="rId24" Type="http://schemas.openxmlformats.org/officeDocument/2006/relationships/slide" Target="slides/slide17.xml"/><Relationship Id="rId5" Type="http://schemas.openxmlformats.org/officeDocument/2006/relationships/customXml" Target="../customXml/item5.xml"/><Relationship Id="rId15" Type="http://schemas.openxmlformats.org/officeDocument/2006/relationships/slide" Target="slides/slide8.xml"/><Relationship Id="rId23" Type="http://schemas.openxmlformats.org/officeDocument/2006/relationships/slide" Target="slides/slide16.xml"/><Relationship Id="rId28" Type="http://schemas.openxmlformats.org/officeDocument/2006/relationships/viewProps" Target="viewProps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3_2">
  <dgm:title val=""/>
  <dgm:desc val=""/>
  <dgm:catLst>
    <dgm:cat type="accent3" pri="112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3"/>
    </dgm:fillClrLst>
    <dgm:linClrLst meth="repeat">
      <a:schemeClr val="accent3"/>
    </dgm:linClrLst>
    <dgm:effectClrLst/>
    <dgm:txLinClrLst/>
    <dgm:txFillClrLst/>
    <dgm:txEffectClrLst/>
  </dgm:styleLbl>
  <dgm:styleLbl name="lnNode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8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3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3_2">
  <dgm:title val=""/>
  <dgm:desc val=""/>
  <dgm:catLst>
    <dgm:cat type="accent3" pri="112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3"/>
    </dgm:fillClrLst>
    <dgm:linClrLst meth="repeat">
      <a:schemeClr val="accent3"/>
    </dgm:linClrLst>
    <dgm:effectClrLst/>
    <dgm:txLinClrLst/>
    <dgm:txFillClrLst/>
    <dgm:txEffectClrLst/>
  </dgm:styleLbl>
  <dgm:styleLbl name="lnNode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8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3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2707C43-70A2-4226-BD54-D2320CB347A6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E1C9B509-7919-47DB-9318-E52D23EDCE9E}">
      <dgm:prSet/>
      <dgm:spPr>
        <a:ln>
          <a:solidFill>
            <a:srgbClr val="567F43"/>
          </a:solidFill>
        </a:ln>
      </dgm:spPr>
      <dgm:t>
        <a:bodyPr/>
        <a:lstStyle/>
        <a:p>
          <a:pPr algn="l"/>
          <a:r>
            <a:rPr lang="da-DK" baseline="0" dirty="0">
              <a:latin typeface="Calibri" panose="020F0502020204030204" pitchFamily="34" charset="0"/>
              <a:cs typeface="Calibri" panose="020F0502020204030204" pitchFamily="34" charset="0"/>
            </a:rPr>
            <a:t>Kathrine Due Larsen, Klinisk sygeplejespecialist, L13. Lunge- og infektionsmedicinsk afdeling. Bispebjerg hospital </a:t>
          </a:r>
          <a:endParaRPr lang="en-US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B6F51945-EDFA-4CD7-9CD4-99454C005405}" type="parTrans" cxnId="{78E3A2F6-402C-4F76-BEBE-85FB9B512465}">
      <dgm:prSet/>
      <dgm:spPr/>
      <dgm:t>
        <a:bodyPr/>
        <a:lstStyle/>
        <a:p>
          <a:endParaRPr lang="en-US"/>
        </a:p>
      </dgm:t>
    </dgm:pt>
    <dgm:pt modelId="{754FEFB0-4527-4E21-81AA-E02BE5F7A52F}" type="sibTrans" cxnId="{78E3A2F6-402C-4F76-BEBE-85FB9B512465}">
      <dgm:prSet/>
      <dgm:spPr/>
      <dgm:t>
        <a:bodyPr/>
        <a:lstStyle/>
        <a:p>
          <a:endParaRPr lang="en-US"/>
        </a:p>
      </dgm:t>
    </dgm:pt>
    <dgm:pt modelId="{9A01C4D7-D370-4A39-87AD-6A6F2D09D992}">
      <dgm:prSet/>
      <dgm:spPr>
        <a:ln>
          <a:solidFill>
            <a:srgbClr val="567F43"/>
          </a:solidFill>
        </a:ln>
      </dgm:spPr>
      <dgm:t>
        <a:bodyPr/>
        <a:lstStyle/>
        <a:p>
          <a:pPr algn="l"/>
          <a:r>
            <a:rPr lang="da-DK" baseline="0" dirty="0">
              <a:latin typeface="Calibri" panose="020F0502020204030204" pitchFamily="34" charset="0"/>
              <a:cs typeface="Calibri" panose="020F0502020204030204" pitchFamily="34" charset="0"/>
            </a:rPr>
            <a:t>Kristine Paaske Rasmussen, Sygeplejerske på L13 og lungeambulatoriet. Lunge- og infektionsmedicinsk afdeling. Bispebjerg hospital </a:t>
          </a:r>
          <a:endParaRPr lang="en-US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D62F1B16-F105-41C7-BEE1-23C117A83F53}" type="parTrans" cxnId="{0E08416B-6411-4A71-91DB-B7A7E61A92EB}">
      <dgm:prSet/>
      <dgm:spPr/>
      <dgm:t>
        <a:bodyPr/>
        <a:lstStyle/>
        <a:p>
          <a:endParaRPr lang="en-US"/>
        </a:p>
      </dgm:t>
    </dgm:pt>
    <dgm:pt modelId="{01411351-DE15-4CA7-BC7C-FFF928C9B356}" type="sibTrans" cxnId="{0E08416B-6411-4A71-91DB-B7A7E61A92EB}">
      <dgm:prSet/>
      <dgm:spPr/>
      <dgm:t>
        <a:bodyPr/>
        <a:lstStyle/>
        <a:p>
          <a:endParaRPr lang="en-US"/>
        </a:p>
      </dgm:t>
    </dgm:pt>
    <dgm:pt modelId="{A407F724-EE24-4C31-A6C6-0E8140295A9B}" type="pres">
      <dgm:prSet presAssocID="{B2707C43-70A2-4226-BD54-D2320CB347A6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9F39FEF2-854E-44EE-981F-43D17B1FAD35}" type="pres">
      <dgm:prSet presAssocID="{E1C9B509-7919-47DB-9318-E52D23EDCE9E}" presName="hierRoot1" presStyleCnt="0"/>
      <dgm:spPr/>
    </dgm:pt>
    <dgm:pt modelId="{1DE047A8-4A73-4262-8E96-F4C032D298D5}" type="pres">
      <dgm:prSet presAssocID="{E1C9B509-7919-47DB-9318-E52D23EDCE9E}" presName="composite" presStyleCnt="0"/>
      <dgm:spPr/>
    </dgm:pt>
    <dgm:pt modelId="{9432335D-07DC-4BAC-BF0E-97672252380F}" type="pres">
      <dgm:prSet presAssocID="{E1C9B509-7919-47DB-9318-E52D23EDCE9E}" presName="background" presStyleLbl="node0" presStyleIdx="0" presStyleCnt="2"/>
      <dgm:spPr>
        <a:solidFill>
          <a:srgbClr val="B9D99A"/>
        </a:solidFill>
      </dgm:spPr>
    </dgm:pt>
    <dgm:pt modelId="{8F73048F-5911-48BD-947D-C77B2E1F3ABB}" type="pres">
      <dgm:prSet presAssocID="{E1C9B509-7919-47DB-9318-E52D23EDCE9E}" presName="text" presStyleLbl="fgAcc0" presStyleIdx="0" presStyleCnt="2">
        <dgm:presLayoutVars>
          <dgm:chPref val="3"/>
        </dgm:presLayoutVars>
      </dgm:prSet>
      <dgm:spPr/>
    </dgm:pt>
    <dgm:pt modelId="{8A021DB6-7073-42B5-8FBD-5FB517B5A425}" type="pres">
      <dgm:prSet presAssocID="{E1C9B509-7919-47DB-9318-E52D23EDCE9E}" presName="hierChild2" presStyleCnt="0"/>
      <dgm:spPr/>
    </dgm:pt>
    <dgm:pt modelId="{F142F9F3-7D92-4F45-A48C-CA79B6E1E20C}" type="pres">
      <dgm:prSet presAssocID="{9A01C4D7-D370-4A39-87AD-6A6F2D09D992}" presName="hierRoot1" presStyleCnt="0"/>
      <dgm:spPr/>
    </dgm:pt>
    <dgm:pt modelId="{E8868ACA-10D9-47EE-B2A6-D487ECE0D6D5}" type="pres">
      <dgm:prSet presAssocID="{9A01C4D7-D370-4A39-87AD-6A6F2D09D992}" presName="composite" presStyleCnt="0"/>
      <dgm:spPr/>
    </dgm:pt>
    <dgm:pt modelId="{C1682C46-6019-4378-828A-1CBE65FAE836}" type="pres">
      <dgm:prSet presAssocID="{9A01C4D7-D370-4A39-87AD-6A6F2D09D992}" presName="background" presStyleLbl="node0" presStyleIdx="1" presStyleCnt="2"/>
      <dgm:spPr>
        <a:solidFill>
          <a:srgbClr val="B9D99A"/>
        </a:solidFill>
      </dgm:spPr>
    </dgm:pt>
    <dgm:pt modelId="{7CCF97B5-5D1E-424E-8009-A01C861B6B0F}" type="pres">
      <dgm:prSet presAssocID="{9A01C4D7-D370-4A39-87AD-6A6F2D09D992}" presName="text" presStyleLbl="fgAcc0" presStyleIdx="1" presStyleCnt="2">
        <dgm:presLayoutVars>
          <dgm:chPref val="3"/>
        </dgm:presLayoutVars>
      </dgm:prSet>
      <dgm:spPr/>
    </dgm:pt>
    <dgm:pt modelId="{6096B69A-EE95-47A0-A728-CFF82C75E36C}" type="pres">
      <dgm:prSet presAssocID="{9A01C4D7-D370-4A39-87AD-6A6F2D09D992}" presName="hierChild2" presStyleCnt="0"/>
      <dgm:spPr/>
    </dgm:pt>
  </dgm:ptLst>
  <dgm:cxnLst>
    <dgm:cxn modelId="{16E8D660-BCBE-4674-A490-5CA018E4B02E}" type="presOf" srcId="{B2707C43-70A2-4226-BD54-D2320CB347A6}" destId="{A407F724-EE24-4C31-A6C6-0E8140295A9B}" srcOrd="0" destOrd="0" presId="urn:microsoft.com/office/officeart/2005/8/layout/hierarchy1"/>
    <dgm:cxn modelId="{0E08416B-6411-4A71-91DB-B7A7E61A92EB}" srcId="{B2707C43-70A2-4226-BD54-D2320CB347A6}" destId="{9A01C4D7-D370-4A39-87AD-6A6F2D09D992}" srcOrd="1" destOrd="0" parTransId="{D62F1B16-F105-41C7-BEE1-23C117A83F53}" sibTransId="{01411351-DE15-4CA7-BC7C-FFF928C9B356}"/>
    <dgm:cxn modelId="{B708EFCF-1A62-40C0-8D56-DAD787A6D36F}" type="presOf" srcId="{9A01C4D7-D370-4A39-87AD-6A6F2D09D992}" destId="{7CCF97B5-5D1E-424E-8009-A01C861B6B0F}" srcOrd="0" destOrd="0" presId="urn:microsoft.com/office/officeart/2005/8/layout/hierarchy1"/>
    <dgm:cxn modelId="{E2962EE0-D076-4CF5-8629-99F3CEFA3126}" type="presOf" srcId="{E1C9B509-7919-47DB-9318-E52D23EDCE9E}" destId="{8F73048F-5911-48BD-947D-C77B2E1F3ABB}" srcOrd="0" destOrd="0" presId="urn:microsoft.com/office/officeart/2005/8/layout/hierarchy1"/>
    <dgm:cxn modelId="{78E3A2F6-402C-4F76-BEBE-85FB9B512465}" srcId="{B2707C43-70A2-4226-BD54-D2320CB347A6}" destId="{E1C9B509-7919-47DB-9318-E52D23EDCE9E}" srcOrd="0" destOrd="0" parTransId="{B6F51945-EDFA-4CD7-9CD4-99454C005405}" sibTransId="{754FEFB0-4527-4E21-81AA-E02BE5F7A52F}"/>
    <dgm:cxn modelId="{D8B93A32-AC93-40B3-A1C2-CEFC2D1ED61C}" type="presParOf" srcId="{A407F724-EE24-4C31-A6C6-0E8140295A9B}" destId="{9F39FEF2-854E-44EE-981F-43D17B1FAD35}" srcOrd="0" destOrd="0" presId="urn:microsoft.com/office/officeart/2005/8/layout/hierarchy1"/>
    <dgm:cxn modelId="{5E66C2DE-77F1-4413-B968-9FF7B4923288}" type="presParOf" srcId="{9F39FEF2-854E-44EE-981F-43D17B1FAD35}" destId="{1DE047A8-4A73-4262-8E96-F4C032D298D5}" srcOrd="0" destOrd="0" presId="urn:microsoft.com/office/officeart/2005/8/layout/hierarchy1"/>
    <dgm:cxn modelId="{2F852193-CF47-41A3-909D-1844E2C4D8B3}" type="presParOf" srcId="{1DE047A8-4A73-4262-8E96-F4C032D298D5}" destId="{9432335D-07DC-4BAC-BF0E-97672252380F}" srcOrd="0" destOrd="0" presId="urn:microsoft.com/office/officeart/2005/8/layout/hierarchy1"/>
    <dgm:cxn modelId="{80DD1B50-F968-456D-9F01-8D8D8A66E6F5}" type="presParOf" srcId="{1DE047A8-4A73-4262-8E96-F4C032D298D5}" destId="{8F73048F-5911-48BD-947D-C77B2E1F3ABB}" srcOrd="1" destOrd="0" presId="urn:microsoft.com/office/officeart/2005/8/layout/hierarchy1"/>
    <dgm:cxn modelId="{6E983035-1D5D-4EEC-A5D4-F571DA1AE2A6}" type="presParOf" srcId="{9F39FEF2-854E-44EE-981F-43D17B1FAD35}" destId="{8A021DB6-7073-42B5-8FBD-5FB517B5A425}" srcOrd="1" destOrd="0" presId="urn:microsoft.com/office/officeart/2005/8/layout/hierarchy1"/>
    <dgm:cxn modelId="{5E269867-2C60-41FF-BDD3-AB87977DC352}" type="presParOf" srcId="{A407F724-EE24-4C31-A6C6-0E8140295A9B}" destId="{F142F9F3-7D92-4F45-A48C-CA79B6E1E20C}" srcOrd="1" destOrd="0" presId="urn:microsoft.com/office/officeart/2005/8/layout/hierarchy1"/>
    <dgm:cxn modelId="{47CBF71E-467D-4916-BE90-C51C05576EDB}" type="presParOf" srcId="{F142F9F3-7D92-4F45-A48C-CA79B6E1E20C}" destId="{E8868ACA-10D9-47EE-B2A6-D487ECE0D6D5}" srcOrd="0" destOrd="0" presId="urn:microsoft.com/office/officeart/2005/8/layout/hierarchy1"/>
    <dgm:cxn modelId="{6810E898-C97D-483C-A047-407A6C1E6B59}" type="presParOf" srcId="{E8868ACA-10D9-47EE-B2A6-D487ECE0D6D5}" destId="{C1682C46-6019-4378-828A-1CBE65FAE836}" srcOrd="0" destOrd="0" presId="urn:microsoft.com/office/officeart/2005/8/layout/hierarchy1"/>
    <dgm:cxn modelId="{BA4B7122-259C-4AF6-AC84-AAC7443F69BD}" type="presParOf" srcId="{E8868ACA-10D9-47EE-B2A6-D487ECE0D6D5}" destId="{7CCF97B5-5D1E-424E-8009-A01C861B6B0F}" srcOrd="1" destOrd="0" presId="urn:microsoft.com/office/officeart/2005/8/layout/hierarchy1"/>
    <dgm:cxn modelId="{2F144C22-3A2A-49D1-B9A1-0A93D1A56AC9}" type="presParOf" srcId="{F142F9F3-7D92-4F45-A48C-CA79B6E1E20C}" destId="{6096B69A-EE95-47A0-A728-CFF82C75E36C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7D8DA2C-09FF-43A5-877D-90BE8DE1B433}" type="doc">
      <dgm:prSet loTypeId="urn:microsoft.com/office/officeart/2005/8/layout/radial4" loCatId="relationship" qsTypeId="urn:microsoft.com/office/officeart/2005/8/quickstyle/simple3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8618F140-F2BB-4B41-B250-8436F66D9B17}">
      <dgm:prSet phldrT="[Tekst]" custT="1"/>
      <dgm:spPr>
        <a:solidFill>
          <a:srgbClr val="9DCA70"/>
        </a:solidFill>
      </dgm:spPr>
      <dgm:t>
        <a:bodyPr/>
        <a:lstStyle/>
        <a:p>
          <a:pPr>
            <a:lnSpc>
              <a:spcPct val="100000"/>
            </a:lnSpc>
          </a:pPr>
          <a:r>
            <a:rPr lang="da-DK" sz="20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Væske</a:t>
          </a:r>
        </a:p>
        <a:p>
          <a:pPr>
            <a:lnSpc>
              <a:spcPct val="100000"/>
            </a:lnSpc>
          </a:pPr>
          <a:r>
            <a:rPr lang="da-DK" sz="20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≥ 500 ml  </a:t>
          </a:r>
        </a:p>
      </dgm:t>
    </dgm:pt>
    <dgm:pt modelId="{9D27B4FD-DAD2-47E5-89F7-6C1F0B26D3C0}" type="parTrans" cxnId="{EF8896C4-897E-49BF-B8B1-F28F259C7A3C}">
      <dgm:prSet/>
      <dgm:spPr/>
      <dgm:t>
        <a:bodyPr/>
        <a:lstStyle/>
        <a:p>
          <a:endParaRPr lang="da-DK"/>
        </a:p>
      </dgm:t>
    </dgm:pt>
    <dgm:pt modelId="{405282FC-8C6A-4D6E-9D9B-9B295ABDD349}" type="sibTrans" cxnId="{EF8896C4-897E-49BF-B8B1-F28F259C7A3C}">
      <dgm:prSet/>
      <dgm:spPr/>
      <dgm:t>
        <a:bodyPr/>
        <a:lstStyle/>
        <a:p>
          <a:endParaRPr lang="da-DK"/>
        </a:p>
      </dgm:t>
    </dgm:pt>
    <dgm:pt modelId="{1338B2CC-9A9C-4364-BA36-D5EFBDEC8760}" type="asst">
      <dgm:prSet phldrT="[Tekst]"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leuravæske</a:t>
          </a:r>
        </a:p>
      </dgm:t>
    </dgm:pt>
    <dgm:pt modelId="{68959ABC-3E9A-4249-A287-02ECEB720C21}" type="parTrans" cxnId="{6727FA3F-15A9-4995-8449-C6F767FB02C7}">
      <dgm:prSet/>
      <dgm:spPr>
        <a:solidFill>
          <a:srgbClr val="567F43"/>
        </a:solidFill>
      </dgm:spPr>
      <dgm:t>
        <a:bodyPr/>
        <a:lstStyle/>
        <a:p>
          <a:endParaRPr lang="da-DK"/>
        </a:p>
      </dgm:t>
    </dgm:pt>
    <dgm:pt modelId="{96A38410-34BA-4123-9FC1-9EE97344E8B9}" type="sibTrans" cxnId="{6727FA3F-15A9-4995-8449-C6F767FB02C7}">
      <dgm:prSet/>
      <dgm:spPr/>
      <dgm:t>
        <a:bodyPr/>
        <a:lstStyle/>
        <a:p>
          <a:endParaRPr lang="da-DK"/>
        </a:p>
      </dgm:t>
    </dgm:pt>
    <dgm:pt modelId="{8851161A-3ADD-4B5D-B75E-58966A065F94}">
      <dgm:prSet phldrT="[Tekst]" custT="1"/>
      <dgm:spPr>
        <a:solidFill>
          <a:srgbClr val="9DCA70"/>
        </a:solidFill>
      </dgm:spPr>
      <dgm:t>
        <a:bodyPr/>
        <a:lstStyle/>
        <a:p>
          <a:r>
            <a:rPr lang="da-DK" sz="2000" dirty="0" err="1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Empyem</a:t>
          </a:r>
          <a:endParaRPr lang="da-DK" sz="2000" dirty="0"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3F37CD6F-95E4-4DB4-B0C5-720C3A7E4E37}" type="parTrans" cxnId="{C22799F1-87C4-4A67-A072-458E1B013676}">
      <dgm:prSet/>
      <dgm:spPr>
        <a:solidFill>
          <a:srgbClr val="567F43"/>
        </a:solidFill>
      </dgm:spPr>
      <dgm:t>
        <a:bodyPr/>
        <a:lstStyle/>
        <a:p>
          <a:endParaRPr lang="da-DK"/>
        </a:p>
      </dgm:t>
    </dgm:pt>
    <dgm:pt modelId="{B9580E0C-6C1E-48EB-9F39-6C2EFF0DEC95}" type="sibTrans" cxnId="{C22799F1-87C4-4A67-A072-458E1B013676}">
      <dgm:prSet/>
      <dgm:spPr/>
      <dgm:t>
        <a:bodyPr/>
        <a:lstStyle/>
        <a:p>
          <a:endParaRPr lang="da-DK"/>
        </a:p>
      </dgm:t>
    </dgm:pt>
    <dgm:pt modelId="{85FEAF42-BE37-45D5-8EC7-D3971726CA32}">
      <dgm:prSet phldrT="[Tekst]" custT="1"/>
      <dgm:spPr>
        <a:solidFill>
          <a:srgbClr val="9DCA70"/>
        </a:solidFill>
      </dgm:spPr>
      <dgm:t>
        <a:bodyPr/>
        <a:lstStyle/>
        <a:p>
          <a:r>
            <a:rPr lang="da-DK" sz="2000" dirty="0" err="1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Hæmothorax</a:t>
          </a:r>
          <a:endParaRPr lang="da-DK" sz="2000" dirty="0"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DD98E64F-9E2B-4E6A-B7FC-5B30607EDBAE}" type="parTrans" cxnId="{E0DDD36D-80AF-4AF1-BBA6-6880506B82D0}">
      <dgm:prSet/>
      <dgm:spPr>
        <a:solidFill>
          <a:srgbClr val="567F43"/>
        </a:solidFill>
      </dgm:spPr>
      <dgm:t>
        <a:bodyPr/>
        <a:lstStyle/>
        <a:p>
          <a:endParaRPr lang="da-DK"/>
        </a:p>
      </dgm:t>
    </dgm:pt>
    <dgm:pt modelId="{B79E5CF0-EEBE-45B8-9035-232D9753907B}" type="sibTrans" cxnId="{E0DDD36D-80AF-4AF1-BBA6-6880506B82D0}">
      <dgm:prSet/>
      <dgm:spPr/>
      <dgm:t>
        <a:bodyPr/>
        <a:lstStyle/>
        <a:p>
          <a:endParaRPr lang="da-DK"/>
        </a:p>
      </dgm:t>
    </dgm:pt>
    <dgm:pt modelId="{2135F494-2B32-418B-9F3D-0AEA970255D2}" type="pres">
      <dgm:prSet presAssocID="{87D8DA2C-09FF-43A5-877D-90BE8DE1B433}" presName="cycle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B2899FC1-A771-479C-9266-4E9A47F29177}" type="pres">
      <dgm:prSet presAssocID="{8618F140-F2BB-4B41-B250-8436F66D9B17}" presName="centerShape" presStyleLbl="node0" presStyleIdx="0" presStyleCnt="1"/>
      <dgm:spPr/>
    </dgm:pt>
    <dgm:pt modelId="{6E00CFBA-21F1-46A6-8C65-BB6D64474684}" type="pres">
      <dgm:prSet presAssocID="{68959ABC-3E9A-4249-A287-02ECEB720C21}" presName="parTrans" presStyleLbl="bgSibTrans2D1" presStyleIdx="0" presStyleCnt="3"/>
      <dgm:spPr/>
    </dgm:pt>
    <dgm:pt modelId="{47771CC6-26B4-46E9-B3E6-B55D34768303}" type="pres">
      <dgm:prSet presAssocID="{1338B2CC-9A9C-4364-BA36-D5EFBDEC8760}" presName="node" presStyleLbl="node1" presStyleIdx="0" presStyleCnt="3">
        <dgm:presLayoutVars>
          <dgm:bulletEnabled val="1"/>
        </dgm:presLayoutVars>
      </dgm:prSet>
      <dgm:spPr/>
    </dgm:pt>
    <dgm:pt modelId="{5BDD7D26-82FA-4FD9-BDF4-5D1CBD180FF0}" type="pres">
      <dgm:prSet presAssocID="{3F37CD6F-95E4-4DB4-B0C5-720C3A7E4E37}" presName="parTrans" presStyleLbl="bgSibTrans2D1" presStyleIdx="1" presStyleCnt="3"/>
      <dgm:spPr/>
    </dgm:pt>
    <dgm:pt modelId="{9EBBB918-4BEF-47E4-A3B5-429B8FA19D80}" type="pres">
      <dgm:prSet presAssocID="{8851161A-3ADD-4B5D-B75E-58966A065F94}" presName="node" presStyleLbl="node1" presStyleIdx="1" presStyleCnt="3">
        <dgm:presLayoutVars>
          <dgm:bulletEnabled val="1"/>
        </dgm:presLayoutVars>
      </dgm:prSet>
      <dgm:spPr/>
    </dgm:pt>
    <dgm:pt modelId="{7E4F04EA-7B50-4D07-A449-E0693ABA16C6}" type="pres">
      <dgm:prSet presAssocID="{DD98E64F-9E2B-4E6A-B7FC-5B30607EDBAE}" presName="parTrans" presStyleLbl="bgSibTrans2D1" presStyleIdx="2" presStyleCnt="3"/>
      <dgm:spPr/>
    </dgm:pt>
    <dgm:pt modelId="{40A0D690-5CF9-45B0-A2DC-6520A08FE479}" type="pres">
      <dgm:prSet presAssocID="{85FEAF42-BE37-45D5-8EC7-D3971726CA32}" presName="node" presStyleLbl="node1" presStyleIdx="2" presStyleCnt="3">
        <dgm:presLayoutVars>
          <dgm:bulletEnabled val="1"/>
        </dgm:presLayoutVars>
      </dgm:prSet>
      <dgm:spPr/>
    </dgm:pt>
  </dgm:ptLst>
  <dgm:cxnLst>
    <dgm:cxn modelId="{FA9F6C03-06E2-433A-88ED-EAD44F5F1C9D}" type="presOf" srcId="{8851161A-3ADD-4B5D-B75E-58966A065F94}" destId="{9EBBB918-4BEF-47E4-A3B5-429B8FA19D80}" srcOrd="0" destOrd="0" presId="urn:microsoft.com/office/officeart/2005/8/layout/radial4"/>
    <dgm:cxn modelId="{C65EDF1B-A62B-4A8D-8FF6-8CABE38E1C52}" type="presOf" srcId="{DD98E64F-9E2B-4E6A-B7FC-5B30607EDBAE}" destId="{7E4F04EA-7B50-4D07-A449-E0693ABA16C6}" srcOrd="0" destOrd="0" presId="urn:microsoft.com/office/officeart/2005/8/layout/radial4"/>
    <dgm:cxn modelId="{9D2C291F-8A03-4C83-9CE1-BDCC0F872A39}" type="presOf" srcId="{1338B2CC-9A9C-4364-BA36-D5EFBDEC8760}" destId="{47771CC6-26B4-46E9-B3E6-B55D34768303}" srcOrd="0" destOrd="0" presId="urn:microsoft.com/office/officeart/2005/8/layout/radial4"/>
    <dgm:cxn modelId="{6727FA3F-15A9-4995-8449-C6F767FB02C7}" srcId="{8618F140-F2BB-4B41-B250-8436F66D9B17}" destId="{1338B2CC-9A9C-4364-BA36-D5EFBDEC8760}" srcOrd="0" destOrd="0" parTransId="{68959ABC-3E9A-4249-A287-02ECEB720C21}" sibTransId="{96A38410-34BA-4123-9FC1-9EE97344E8B9}"/>
    <dgm:cxn modelId="{18D55C5C-E78C-4190-AFD9-52C4DBCFBA5E}" type="presOf" srcId="{68959ABC-3E9A-4249-A287-02ECEB720C21}" destId="{6E00CFBA-21F1-46A6-8C65-BB6D64474684}" srcOrd="0" destOrd="0" presId="urn:microsoft.com/office/officeart/2005/8/layout/radial4"/>
    <dgm:cxn modelId="{2A3A2146-C959-4F6E-BB8B-041A07CB9853}" type="presOf" srcId="{3F37CD6F-95E4-4DB4-B0C5-720C3A7E4E37}" destId="{5BDD7D26-82FA-4FD9-BDF4-5D1CBD180FF0}" srcOrd="0" destOrd="0" presId="urn:microsoft.com/office/officeart/2005/8/layout/radial4"/>
    <dgm:cxn modelId="{E0DDD36D-80AF-4AF1-BBA6-6880506B82D0}" srcId="{8618F140-F2BB-4B41-B250-8436F66D9B17}" destId="{85FEAF42-BE37-45D5-8EC7-D3971726CA32}" srcOrd="2" destOrd="0" parTransId="{DD98E64F-9E2B-4E6A-B7FC-5B30607EDBAE}" sibTransId="{B79E5CF0-EEBE-45B8-9035-232D9753907B}"/>
    <dgm:cxn modelId="{07E3E17A-F927-4107-B92E-442109B29729}" type="presOf" srcId="{87D8DA2C-09FF-43A5-877D-90BE8DE1B433}" destId="{2135F494-2B32-418B-9F3D-0AEA970255D2}" srcOrd="0" destOrd="0" presId="urn:microsoft.com/office/officeart/2005/8/layout/radial4"/>
    <dgm:cxn modelId="{546938BC-6D08-40FC-A895-1467B4BFA546}" type="presOf" srcId="{85FEAF42-BE37-45D5-8EC7-D3971726CA32}" destId="{40A0D690-5CF9-45B0-A2DC-6520A08FE479}" srcOrd="0" destOrd="0" presId="urn:microsoft.com/office/officeart/2005/8/layout/radial4"/>
    <dgm:cxn modelId="{EF8896C4-897E-49BF-B8B1-F28F259C7A3C}" srcId="{87D8DA2C-09FF-43A5-877D-90BE8DE1B433}" destId="{8618F140-F2BB-4B41-B250-8436F66D9B17}" srcOrd="0" destOrd="0" parTransId="{9D27B4FD-DAD2-47E5-89F7-6C1F0B26D3C0}" sibTransId="{405282FC-8C6A-4D6E-9D9B-9B295ABDD349}"/>
    <dgm:cxn modelId="{7EB28AD8-BD98-4241-9C4C-21D86C06D146}" type="presOf" srcId="{8618F140-F2BB-4B41-B250-8436F66D9B17}" destId="{B2899FC1-A771-479C-9266-4E9A47F29177}" srcOrd="0" destOrd="0" presId="urn:microsoft.com/office/officeart/2005/8/layout/radial4"/>
    <dgm:cxn modelId="{C22799F1-87C4-4A67-A072-458E1B013676}" srcId="{8618F140-F2BB-4B41-B250-8436F66D9B17}" destId="{8851161A-3ADD-4B5D-B75E-58966A065F94}" srcOrd="1" destOrd="0" parTransId="{3F37CD6F-95E4-4DB4-B0C5-720C3A7E4E37}" sibTransId="{B9580E0C-6C1E-48EB-9F39-6C2EFF0DEC95}"/>
    <dgm:cxn modelId="{32FF6D06-EFBD-4CDC-A25C-20C7BBDBEFC2}" type="presParOf" srcId="{2135F494-2B32-418B-9F3D-0AEA970255D2}" destId="{B2899FC1-A771-479C-9266-4E9A47F29177}" srcOrd="0" destOrd="0" presId="urn:microsoft.com/office/officeart/2005/8/layout/radial4"/>
    <dgm:cxn modelId="{62FB9F0F-FF7E-4850-9727-45739C6475D2}" type="presParOf" srcId="{2135F494-2B32-418B-9F3D-0AEA970255D2}" destId="{6E00CFBA-21F1-46A6-8C65-BB6D64474684}" srcOrd="1" destOrd="0" presId="urn:microsoft.com/office/officeart/2005/8/layout/radial4"/>
    <dgm:cxn modelId="{9FC55FE8-9330-4915-9DE0-5B47504D59D6}" type="presParOf" srcId="{2135F494-2B32-418B-9F3D-0AEA970255D2}" destId="{47771CC6-26B4-46E9-B3E6-B55D34768303}" srcOrd="2" destOrd="0" presId="urn:microsoft.com/office/officeart/2005/8/layout/radial4"/>
    <dgm:cxn modelId="{243E69F8-E85C-42A2-BF3B-BFE4F7139E4A}" type="presParOf" srcId="{2135F494-2B32-418B-9F3D-0AEA970255D2}" destId="{5BDD7D26-82FA-4FD9-BDF4-5D1CBD180FF0}" srcOrd="3" destOrd="0" presId="urn:microsoft.com/office/officeart/2005/8/layout/radial4"/>
    <dgm:cxn modelId="{1893D14F-4D5D-46F9-9CE3-ED6A55B4BEC8}" type="presParOf" srcId="{2135F494-2B32-418B-9F3D-0AEA970255D2}" destId="{9EBBB918-4BEF-47E4-A3B5-429B8FA19D80}" srcOrd="4" destOrd="0" presId="urn:microsoft.com/office/officeart/2005/8/layout/radial4"/>
    <dgm:cxn modelId="{BCF46E4F-B0A2-40A3-81E6-983280E5176A}" type="presParOf" srcId="{2135F494-2B32-418B-9F3D-0AEA970255D2}" destId="{7E4F04EA-7B50-4D07-A449-E0693ABA16C6}" srcOrd="5" destOrd="0" presId="urn:microsoft.com/office/officeart/2005/8/layout/radial4"/>
    <dgm:cxn modelId="{F664B8D4-607A-4FC5-B1DA-4001A42EE5D4}" type="presParOf" srcId="{2135F494-2B32-418B-9F3D-0AEA970255D2}" destId="{40A0D690-5CF9-45B0-A2DC-6520A08FE479}" srcOrd="6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87D8DA2C-09FF-43A5-877D-90BE8DE1B433}" type="doc">
      <dgm:prSet loTypeId="urn:microsoft.com/office/officeart/2005/8/layout/radial4" loCatId="relationship" qsTypeId="urn:microsoft.com/office/officeart/2005/8/quickstyle/simple3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8618F140-F2BB-4B41-B250-8436F66D9B17}">
      <dgm:prSet phldrT="[Tekst]"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Luftlomme</a:t>
          </a:r>
          <a:r>
            <a:rPr lang="da-DK" sz="2200" dirty="0"/>
            <a:t> </a:t>
          </a:r>
          <a:r>
            <a:rPr lang="da-DK" sz="20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≥ 3 cm  </a:t>
          </a:r>
        </a:p>
      </dgm:t>
    </dgm:pt>
    <dgm:pt modelId="{9D27B4FD-DAD2-47E5-89F7-6C1F0B26D3C0}" type="parTrans" cxnId="{EF8896C4-897E-49BF-B8B1-F28F259C7A3C}">
      <dgm:prSet/>
      <dgm:spPr/>
      <dgm:t>
        <a:bodyPr/>
        <a:lstStyle/>
        <a:p>
          <a:endParaRPr lang="da-DK"/>
        </a:p>
      </dgm:t>
    </dgm:pt>
    <dgm:pt modelId="{405282FC-8C6A-4D6E-9D9B-9B295ABDD349}" type="sibTrans" cxnId="{EF8896C4-897E-49BF-B8B1-F28F259C7A3C}">
      <dgm:prSet/>
      <dgm:spPr/>
      <dgm:t>
        <a:bodyPr/>
        <a:lstStyle/>
        <a:p>
          <a:endParaRPr lang="da-DK"/>
        </a:p>
      </dgm:t>
    </dgm:pt>
    <dgm:pt modelId="{1338B2CC-9A9C-4364-BA36-D5EFBDEC8760}" type="asst">
      <dgm:prSet phldrT="[Tekst]"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neumothorax</a:t>
          </a:r>
        </a:p>
      </dgm:t>
    </dgm:pt>
    <dgm:pt modelId="{68959ABC-3E9A-4249-A287-02ECEB720C21}" type="parTrans" cxnId="{6727FA3F-15A9-4995-8449-C6F767FB02C7}">
      <dgm:prSet/>
      <dgm:spPr>
        <a:solidFill>
          <a:srgbClr val="567F43"/>
        </a:solidFill>
      </dgm:spPr>
      <dgm:t>
        <a:bodyPr/>
        <a:lstStyle/>
        <a:p>
          <a:endParaRPr lang="da-DK"/>
        </a:p>
      </dgm:t>
    </dgm:pt>
    <dgm:pt modelId="{96A38410-34BA-4123-9FC1-9EE97344E8B9}" type="sibTrans" cxnId="{6727FA3F-15A9-4995-8449-C6F767FB02C7}">
      <dgm:prSet/>
      <dgm:spPr/>
      <dgm:t>
        <a:bodyPr/>
        <a:lstStyle/>
        <a:p>
          <a:endParaRPr lang="da-DK"/>
        </a:p>
      </dgm:t>
    </dgm:pt>
    <dgm:pt modelId="{2135F494-2B32-418B-9F3D-0AEA970255D2}" type="pres">
      <dgm:prSet presAssocID="{87D8DA2C-09FF-43A5-877D-90BE8DE1B433}" presName="cycle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B2899FC1-A771-479C-9266-4E9A47F29177}" type="pres">
      <dgm:prSet presAssocID="{8618F140-F2BB-4B41-B250-8436F66D9B17}" presName="centerShape" presStyleLbl="node0" presStyleIdx="0" presStyleCnt="1" custScaleX="80381" custScaleY="77861"/>
      <dgm:spPr/>
    </dgm:pt>
    <dgm:pt modelId="{6E00CFBA-21F1-46A6-8C65-BB6D64474684}" type="pres">
      <dgm:prSet presAssocID="{68959ABC-3E9A-4249-A287-02ECEB720C21}" presName="parTrans" presStyleLbl="bgSibTrans2D1" presStyleIdx="0" presStyleCnt="1"/>
      <dgm:spPr/>
    </dgm:pt>
    <dgm:pt modelId="{47771CC6-26B4-46E9-B3E6-B55D34768303}" type="pres">
      <dgm:prSet presAssocID="{1338B2CC-9A9C-4364-BA36-D5EFBDEC8760}" presName="node" presStyleLbl="node1" presStyleIdx="0" presStyleCnt="1" custScaleX="97359" custScaleY="65541" custRadScaleRad="99906" custRadScaleInc="-200">
        <dgm:presLayoutVars>
          <dgm:bulletEnabled val="1"/>
        </dgm:presLayoutVars>
      </dgm:prSet>
      <dgm:spPr/>
    </dgm:pt>
  </dgm:ptLst>
  <dgm:cxnLst>
    <dgm:cxn modelId="{9D2C291F-8A03-4C83-9CE1-BDCC0F872A39}" type="presOf" srcId="{1338B2CC-9A9C-4364-BA36-D5EFBDEC8760}" destId="{47771CC6-26B4-46E9-B3E6-B55D34768303}" srcOrd="0" destOrd="0" presId="urn:microsoft.com/office/officeart/2005/8/layout/radial4"/>
    <dgm:cxn modelId="{6727FA3F-15A9-4995-8449-C6F767FB02C7}" srcId="{8618F140-F2BB-4B41-B250-8436F66D9B17}" destId="{1338B2CC-9A9C-4364-BA36-D5EFBDEC8760}" srcOrd="0" destOrd="0" parTransId="{68959ABC-3E9A-4249-A287-02ECEB720C21}" sibTransId="{96A38410-34BA-4123-9FC1-9EE97344E8B9}"/>
    <dgm:cxn modelId="{18D55C5C-E78C-4190-AFD9-52C4DBCFBA5E}" type="presOf" srcId="{68959ABC-3E9A-4249-A287-02ECEB720C21}" destId="{6E00CFBA-21F1-46A6-8C65-BB6D64474684}" srcOrd="0" destOrd="0" presId="urn:microsoft.com/office/officeart/2005/8/layout/radial4"/>
    <dgm:cxn modelId="{07E3E17A-F927-4107-B92E-442109B29729}" type="presOf" srcId="{87D8DA2C-09FF-43A5-877D-90BE8DE1B433}" destId="{2135F494-2B32-418B-9F3D-0AEA970255D2}" srcOrd="0" destOrd="0" presId="urn:microsoft.com/office/officeart/2005/8/layout/radial4"/>
    <dgm:cxn modelId="{EF8896C4-897E-49BF-B8B1-F28F259C7A3C}" srcId="{87D8DA2C-09FF-43A5-877D-90BE8DE1B433}" destId="{8618F140-F2BB-4B41-B250-8436F66D9B17}" srcOrd="0" destOrd="0" parTransId="{9D27B4FD-DAD2-47E5-89F7-6C1F0B26D3C0}" sibTransId="{405282FC-8C6A-4D6E-9D9B-9B295ABDD349}"/>
    <dgm:cxn modelId="{7EB28AD8-BD98-4241-9C4C-21D86C06D146}" type="presOf" srcId="{8618F140-F2BB-4B41-B250-8436F66D9B17}" destId="{B2899FC1-A771-479C-9266-4E9A47F29177}" srcOrd="0" destOrd="0" presId="urn:microsoft.com/office/officeart/2005/8/layout/radial4"/>
    <dgm:cxn modelId="{32FF6D06-EFBD-4CDC-A25C-20C7BBDBEFC2}" type="presParOf" srcId="{2135F494-2B32-418B-9F3D-0AEA970255D2}" destId="{B2899FC1-A771-479C-9266-4E9A47F29177}" srcOrd="0" destOrd="0" presId="urn:microsoft.com/office/officeart/2005/8/layout/radial4"/>
    <dgm:cxn modelId="{62FB9F0F-FF7E-4850-9727-45739C6475D2}" type="presParOf" srcId="{2135F494-2B32-418B-9F3D-0AEA970255D2}" destId="{6E00CFBA-21F1-46A6-8C65-BB6D64474684}" srcOrd="1" destOrd="0" presId="urn:microsoft.com/office/officeart/2005/8/layout/radial4"/>
    <dgm:cxn modelId="{9FC55FE8-9330-4915-9DE0-5B47504D59D6}" type="presParOf" srcId="{2135F494-2B32-418B-9F3D-0AEA970255D2}" destId="{47771CC6-26B4-46E9-B3E6-B55D34768303}" srcOrd="2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70FE4681-779C-41EB-8843-A58B89535A09}" type="doc">
      <dgm:prSet loTypeId="urn:microsoft.com/office/officeart/2005/8/layout/hList1" loCatId="list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039CD62B-B1C4-4E25-B820-D900AAE9A2E4}">
      <dgm:prSet/>
      <dgm:spPr>
        <a:solidFill>
          <a:srgbClr val="9DCA70"/>
        </a:solidFill>
        <a:ln>
          <a:noFill/>
        </a:ln>
      </dgm:spPr>
      <dgm:t>
        <a:bodyPr/>
        <a:lstStyle/>
        <a:p>
          <a:r>
            <a:rPr lang="da-DK" b="1" dirty="0">
              <a:solidFill>
                <a:srgbClr val="567F43"/>
              </a:solidFill>
              <a:latin typeface="Calibri" panose="020F0502020204030204" pitchFamily="34" charset="0"/>
              <a:cs typeface="Calibri" panose="020F0502020204030204" pitchFamily="34" charset="0"/>
            </a:rPr>
            <a:t>Pigtailkateter/Grisehalekateter</a:t>
          </a:r>
          <a:endParaRPr lang="en-US" b="1" dirty="0">
            <a:solidFill>
              <a:srgbClr val="567F43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7A7D576B-18A1-476A-AEF9-2A4C2DE6EE20}" type="parTrans" cxnId="{63F1CB15-303A-4FCB-B996-B9B97D80D740}">
      <dgm:prSet/>
      <dgm:spPr/>
      <dgm:t>
        <a:bodyPr/>
        <a:lstStyle/>
        <a:p>
          <a:endParaRPr lang="en-US"/>
        </a:p>
      </dgm:t>
    </dgm:pt>
    <dgm:pt modelId="{778F9969-6EA4-4A4C-8A4E-7BBF388DB527}" type="sibTrans" cxnId="{63F1CB15-303A-4FCB-B996-B9B97D80D740}">
      <dgm:prSet/>
      <dgm:spPr/>
      <dgm:t>
        <a:bodyPr/>
        <a:lstStyle/>
        <a:p>
          <a:endParaRPr lang="en-US"/>
        </a:p>
      </dgm:t>
    </dgm:pt>
    <dgm:pt modelId="{E5434040-CD69-4CAB-8FFB-1B51C6DDE189}">
      <dgm:prSet/>
      <dgm:spPr>
        <a:solidFill>
          <a:srgbClr val="B9D99A">
            <a:alpha val="90000"/>
          </a:srgbClr>
        </a:solidFill>
        <a:ln>
          <a:noFill/>
        </a:ln>
      </dgm:spPr>
      <dgm:t>
        <a:bodyPr/>
        <a:lstStyle/>
        <a:p>
          <a:r>
            <a:rPr lang="da-DK" dirty="0">
              <a:latin typeface="Calibri" panose="020F0502020204030204" pitchFamily="34" charset="0"/>
              <a:cs typeface="Calibri" panose="020F0502020204030204" pitchFamily="34" charset="0"/>
            </a:rPr>
            <a:t>Pleuravæske og empyem </a:t>
          </a:r>
          <a:endParaRPr lang="en-US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EF6C460C-9DDE-48DC-8D43-7EDE201E97C8}" type="parTrans" cxnId="{CA7424EF-7193-432A-96CE-310FB6BE7F8C}">
      <dgm:prSet/>
      <dgm:spPr/>
      <dgm:t>
        <a:bodyPr/>
        <a:lstStyle/>
        <a:p>
          <a:endParaRPr lang="en-US"/>
        </a:p>
      </dgm:t>
    </dgm:pt>
    <dgm:pt modelId="{393C8270-AF1D-44B7-BCD4-B7E68ED742FD}" type="sibTrans" cxnId="{CA7424EF-7193-432A-96CE-310FB6BE7F8C}">
      <dgm:prSet/>
      <dgm:spPr/>
      <dgm:t>
        <a:bodyPr/>
        <a:lstStyle/>
        <a:p>
          <a:endParaRPr lang="en-US"/>
        </a:p>
      </dgm:t>
    </dgm:pt>
    <dgm:pt modelId="{D7720399-6511-4820-A743-AF44685DE918}">
      <dgm:prSet/>
      <dgm:spPr>
        <a:solidFill>
          <a:srgbClr val="B9D99A">
            <a:alpha val="90000"/>
          </a:srgbClr>
        </a:solidFill>
        <a:ln>
          <a:noFill/>
        </a:ln>
      </dgm:spPr>
      <dgm:t>
        <a:bodyPr/>
        <a:lstStyle/>
        <a:p>
          <a:r>
            <a:rPr lang="da-DK" dirty="0">
              <a:latin typeface="Calibri" panose="020F0502020204030204" pitchFamily="34" charset="0"/>
              <a:cs typeface="Calibri" panose="020F0502020204030204" pitchFamily="34" charset="0"/>
            </a:rPr>
            <a:t>Iatrogen og spontan pneumothorax </a:t>
          </a:r>
          <a:endParaRPr lang="en-US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B2F4BFDD-0C1D-4281-87AF-F2C8F4F1CCDF}" type="parTrans" cxnId="{6F4672AC-A81C-4A45-A3BB-0DEF3974AA0D}">
      <dgm:prSet/>
      <dgm:spPr/>
      <dgm:t>
        <a:bodyPr/>
        <a:lstStyle/>
        <a:p>
          <a:endParaRPr lang="en-US"/>
        </a:p>
      </dgm:t>
    </dgm:pt>
    <dgm:pt modelId="{3BC2AF0E-0316-4061-A8BC-D8A06064D452}" type="sibTrans" cxnId="{6F4672AC-A81C-4A45-A3BB-0DEF3974AA0D}">
      <dgm:prSet/>
      <dgm:spPr/>
      <dgm:t>
        <a:bodyPr/>
        <a:lstStyle/>
        <a:p>
          <a:endParaRPr lang="en-US"/>
        </a:p>
      </dgm:t>
    </dgm:pt>
    <dgm:pt modelId="{3795817A-9FB6-4444-BA78-C924B67927B8}">
      <dgm:prSet/>
      <dgm:spPr>
        <a:solidFill>
          <a:srgbClr val="9DCA70"/>
        </a:solidFill>
        <a:ln>
          <a:noFill/>
        </a:ln>
      </dgm:spPr>
      <dgm:t>
        <a:bodyPr/>
        <a:lstStyle/>
        <a:p>
          <a:r>
            <a:rPr lang="da-DK" b="1" dirty="0">
              <a:solidFill>
                <a:srgbClr val="567F43"/>
              </a:solidFill>
              <a:latin typeface="Calibri" panose="020F0502020204030204" pitchFamily="34" charset="0"/>
              <a:cs typeface="Calibri" panose="020F0502020204030204" pitchFamily="34" charset="0"/>
            </a:rPr>
            <a:t>Kirurgiske dræn</a:t>
          </a:r>
          <a:endParaRPr lang="en-US" b="1" dirty="0">
            <a:solidFill>
              <a:srgbClr val="567F43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ABBC2D1-0E27-4A3C-8FC9-6B37B522B4E0}" type="parTrans" cxnId="{AEE26960-81BA-4ED8-948B-7B767ACCE830}">
      <dgm:prSet/>
      <dgm:spPr/>
      <dgm:t>
        <a:bodyPr/>
        <a:lstStyle/>
        <a:p>
          <a:endParaRPr lang="da-DK"/>
        </a:p>
      </dgm:t>
    </dgm:pt>
    <dgm:pt modelId="{2D6A3C82-32EC-424F-BE07-F379D782E0DA}" type="sibTrans" cxnId="{AEE26960-81BA-4ED8-948B-7B767ACCE830}">
      <dgm:prSet/>
      <dgm:spPr/>
      <dgm:t>
        <a:bodyPr/>
        <a:lstStyle/>
        <a:p>
          <a:endParaRPr lang="da-DK"/>
        </a:p>
      </dgm:t>
    </dgm:pt>
    <dgm:pt modelId="{3A744412-D2BF-465F-9A1B-462A6EB085BF}">
      <dgm:prSet/>
      <dgm:spPr>
        <a:solidFill>
          <a:srgbClr val="B9D99A">
            <a:alpha val="90000"/>
          </a:srgbClr>
        </a:solidFill>
        <a:ln>
          <a:noFill/>
        </a:ln>
      </dgm:spPr>
      <dgm:t>
        <a:bodyPr/>
        <a:lstStyle/>
        <a:p>
          <a:r>
            <a:rPr lang="da-DK" b="0" i="0" dirty="0">
              <a:latin typeface="Calibri" panose="020F0502020204030204" pitchFamily="34" charset="0"/>
              <a:cs typeface="Calibri" panose="020F0502020204030204" pitchFamily="34" charset="0"/>
            </a:rPr>
            <a:t>Manglende klinisk fremgang eller inficerede pleuralommer som ligger utilgængeligt for pleuradrænage</a:t>
          </a:r>
          <a:endParaRPr lang="en-US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CAFD65ED-A10D-44A8-ADFD-74225B795E42}" type="parTrans" cxnId="{2B79FCF0-4C01-455A-B92D-73BA462708FF}">
      <dgm:prSet/>
      <dgm:spPr/>
      <dgm:t>
        <a:bodyPr/>
        <a:lstStyle/>
        <a:p>
          <a:endParaRPr lang="da-DK"/>
        </a:p>
      </dgm:t>
    </dgm:pt>
    <dgm:pt modelId="{8EC958BE-D337-439E-AF37-F1634D3F738C}" type="sibTrans" cxnId="{2B79FCF0-4C01-455A-B92D-73BA462708FF}">
      <dgm:prSet/>
      <dgm:spPr/>
      <dgm:t>
        <a:bodyPr/>
        <a:lstStyle/>
        <a:p>
          <a:endParaRPr lang="da-DK"/>
        </a:p>
      </dgm:t>
    </dgm:pt>
    <dgm:pt modelId="{842BBA57-2B95-47BB-84B3-077F3D78F307}">
      <dgm:prSet/>
      <dgm:spPr>
        <a:solidFill>
          <a:srgbClr val="9DCA70"/>
        </a:solidFill>
        <a:ln>
          <a:noFill/>
        </a:ln>
      </dgm:spPr>
      <dgm:t>
        <a:bodyPr/>
        <a:lstStyle/>
        <a:p>
          <a:r>
            <a:rPr lang="da-DK" b="1" dirty="0">
              <a:solidFill>
                <a:srgbClr val="567F43"/>
              </a:solidFill>
              <a:latin typeface="Calibri" panose="020F0502020204030204" pitchFamily="34" charset="0"/>
              <a:cs typeface="Calibri" panose="020F0502020204030204" pitchFamily="34" charset="0"/>
            </a:rPr>
            <a:t>Permanente dræn</a:t>
          </a:r>
          <a:endParaRPr lang="en-US" b="1" dirty="0">
            <a:solidFill>
              <a:srgbClr val="567F43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EF8853A6-961B-4288-AD54-16A16145DD59}" type="parTrans" cxnId="{D4F95BD0-ED37-4079-BBDB-6DFC7531F366}">
      <dgm:prSet/>
      <dgm:spPr/>
      <dgm:t>
        <a:bodyPr/>
        <a:lstStyle/>
        <a:p>
          <a:endParaRPr lang="da-DK"/>
        </a:p>
      </dgm:t>
    </dgm:pt>
    <dgm:pt modelId="{8FC5B603-B0BF-4B1C-8E3C-0CB2CBA82E6A}" type="sibTrans" cxnId="{D4F95BD0-ED37-4079-BBDB-6DFC7531F366}">
      <dgm:prSet/>
      <dgm:spPr/>
      <dgm:t>
        <a:bodyPr/>
        <a:lstStyle/>
        <a:p>
          <a:endParaRPr lang="da-DK"/>
        </a:p>
      </dgm:t>
    </dgm:pt>
    <dgm:pt modelId="{1A1E75B9-3081-4766-B539-7DE26A2CDD48}">
      <dgm:prSet/>
      <dgm:spPr>
        <a:solidFill>
          <a:srgbClr val="B9D99A">
            <a:alpha val="90000"/>
          </a:srgbClr>
        </a:solidFill>
        <a:ln>
          <a:noFill/>
        </a:ln>
      </dgm:spPr>
      <dgm:t>
        <a:bodyPr/>
        <a:lstStyle/>
        <a:p>
          <a:r>
            <a:rPr lang="da-DK" b="0" i="0" dirty="0">
              <a:latin typeface="Calibri" panose="020F0502020204030204" pitchFamily="34" charset="0"/>
              <a:cs typeface="Calibri" panose="020F0502020204030204" pitchFamily="34" charset="0"/>
            </a:rPr>
            <a:t>Færdigudredte patienter med tilbagevendende pleuraeffusion</a:t>
          </a:r>
          <a:endParaRPr lang="en-US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A8A6C3A9-F04F-4F1D-9412-884185A12028}" type="parTrans" cxnId="{8DE2EE1A-2037-465F-A373-EA2C54AE7349}">
      <dgm:prSet/>
      <dgm:spPr/>
      <dgm:t>
        <a:bodyPr/>
        <a:lstStyle/>
        <a:p>
          <a:endParaRPr lang="da-DK"/>
        </a:p>
      </dgm:t>
    </dgm:pt>
    <dgm:pt modelId="{FEF592F5-C46E-4C5A-AC34-948DC2A75976}" type="sibTrans" cxnId="{8DE2EE1A-2037-465F-A373-EA2C54AE7349}">
      <dgm:prSet/>
      <dgm:spPr/>
      <dgm:t>
        <a:bodyPr/>
        <a:lstStyle/>
        <a:p>
          <a:endParaRPr lang="da-DK"/>
        </a:p>
      </dgm:t>
    </dgm:pt>
    <dgm:pt modelId="{CCBAEBDA-1BA7-4B0B-924C-F4C22AEB08F1}" type="pres">
      <dgm:prSet presAssocID="{70FE4681-779C-41EB-8843-A58B89535A09}" presName="Name0" presStyleCnt="0">
        <dgm:presLayoutVars>
          <dgm:dir/>
          <dgm:animLvl val="lvl"/>
          <dgm:resizeHandles val="exact"/>
        </dgm:presLayoutVars>
      </dgm:prSet>
      <dgm:spPr/>
    </dgm:pt>
    <dgm:pt modelId="{BE4A65AA-0EE6-48BE-96F7-15A189371879}" type="pres">
      <dgm:prSet presAssocID="{039CD62B-B1C4-4E25-B820-D900AAE9A2E4}" presName="composite" presStyleCnt="0"/>
      <dgm:spPr/>
    </dgm:pt>
    <dgm:pt modelId="{1A793E1E-F135-4AFC-807D-0EA50F6FECE1}" type="pres">
      <dgm:prSet presAssocID="{039CD62B-B1C4-4E25-B820-D900AAE9A2E4}" presName="parTx" presStyleLbl="alignNode1" presStyleIdx="0" presStyleCnt="3" custLinFactNeighborX="-103" custLinFactNeighborY="9374">
        <dgm:presLayoutVars>
          <dgm:chMax val="0"/>
          <dgm:chPref val="0"/>
          <dgm:bulletEnabled val="1"/>
        </dgm:presLayoutVars>
      </dgm:prSet>
      <dgm:spPr/>
    </dgm:pt>
    <dgm:pt modelId="{39DAB978-EDEE-4CFF-8C7C-5DADA3EE18DD}" type="pres">
      <dgm:prSet presAssocID="{039CD62B-B1C4-4E25-B820-D900AAE9A2E4}" presName="desTx" presStyleLbl="alignAccFollowNode1" presStyleIdx="0" presStyleCnt="3">
        <dgm:presLayoutVars>
          <dgm:bulletEnabled val="1"/>
        </dgm:presLayoutVars>
      </dgm:prSet>
      <dgm:spPr/>
    </dgm:pt>
    <dgm:pt modelId="{22F41E80-6C23-4363-A3E8-72CF324AA688}" type="pres">
      <dgm:prSet presAssocID="{778F9969-6EA4-4A4C-8A4E-7BBF388DB527}" presName="space" presStyleCnt="0"/>
      <dgm:spPr/>
    </dgm:pt>
    <dgm:pt modelId="{1DC85DE8-E235-4C2F-B988-575A26EBEA15}" type="pres">
      <dgm:prSet presAssocID="{3795817A-9FB6-4444-BA78-C924B67927B8}" presName="composite" presStyleCnt="0"/>
      <dgm:spPr/>
    </dgm:pt>
    <dgm:pt modelId="{02C1E6D1-577E-49B7-B365-329039C3ADF8}" type="pres">
      <dgm:prSet presAssocID="{3795817A-9FB6-4444-BA78-C924B67927B8}" presName="parTx" presStyleLbl="alignNode1" presStyleIdx="1" presStyleCnt="3" custLinFactNeighborX="-103" custLinFactNeighborY="9374">
        <dgm:presLayoutVars>
          <dgm:chMax val="0"/>
          <dgm:chPref val="0"/>
          <dgm:bulletEnabled val="1"/>
        </dgm:presLayoutVars>
      </dgm:prSet>
      <dgm:spPr/>
    </dgm:pt>
    <dgm:pt modelId="{54DC181A-45AF-4744-86CF-F7CF024AA138}" type="pres">
      <dgm:prSet presAssocID="{3795817A-9FB6-4444-BA78-C924B67927B8}" presName="desTx" presStyleLbl="alignAccFollowNode1" presStyleIdx="1" presStyleCnt="3">
        <dgm:presLayoutVars>
          <dgm:bulletEnabled val="1"/>
        </dgm:presLayoutVars>
      </dgm:prSet>
      <dgm:spPr/>
    </dgm:pt>
    <dgm:pt modelId="{67C31C86-1E2A-484C-A2EB-C58C4596435A}" type="pres">
      <dgm:prSet presAssocID="{2D6A3C82-32EC-424F-BE07-F379D782E0DA}" presName="space" presStyleCnt="0"/>
      <dgm:spPr/>
    </dgm:pt>
    <dgm:pt modelId="{CDF26456-EEE1-4FA2-AF5C-35E793208800}" type="pres">
      <dgm:prSet presAssocID="{842BBA57-2B95-47BB-84B3-077F3D78F307}" presName="composite" presStyleCnt="0"/>
      <dgm:spPr/>
    </dgm:pt>
    <dgm:pt modelId="{8B294E31-D769-4293-A3EB-2337D70994EE}" type="pres">
      <dgm:prSet presAssocID="{842BBA57-2B95-47BB-84B3-077F3D78F307}" presName="parTx" presStyleLbl="alignNode1" presStyleIdx="2" presStyleCnt="3" custLinFactNeighborX="-103" custLinFactNeighborY="9374">
        <dgm:presLayoutVars>
          <dgm:chMax val="0"/>
          <dgm:chPref val="0"/>
          <dgm:bulletEnabled val="1"/>
        </dgm:presLayoutVars>
      </dgm:prSet>
      <dgm:spPr/>
    </dgm:pt>
    <dgm:pt modelId="{5AE9DA9B-FD2D-4794-B4DC-6FDD6678867A}" type="pres">
      <dgm:prSet presAssocID="{842BBA57-2B95-47BB-84B3-077F3D78F307}" presName="desTx" presStyleLbl="alignAccFollowNode1" presStyleIdx="2" presStyleCnt="3">
        <dgm:presLayoutVars>
          <dgm:bulletEnabled val="1"/>
        </dgm:presLayoutVars>
      </dgm:prSet>
      <dgm:spPr/>
    </dgm:pt>
  </dgm:ptLst>
  <dgm:cxnLst>
    <dgm:cxn modelId="{174E4305-CE1F-4959-8C68-26E56C0B2BE7}" type="presOf" srcId="{842BBA57-2B95-47BB-84B3-077F3D78F307}" destId="{8B294E31-D769-4293-A3EB-2337D70994EE}" srcOrd="0" destOrd="0" presId="urn:microsoft.com/office/officeart/2005/8/layout/hList1"/>
    <dgm:cxn modelId="{63F1CB15-303A-4FCB-B996-B9B97D80D740}" srcId="{70FE4681-779C-41EB-8843-A58B89535A09}" destId="{039CD62B-B1C4-4E25-B820-D900AAE9A2E4}" srcOrd="0" destOrd="0" parTransId="{7A7D576B-18A1-476A-AEF9-2A4C2DE6EE20}" sibTransId="{778F9969-6EA4-4A4C-8A4E-7BBF388DB527}"/>
    <dgm:cxn modelId="{8DE2EE1A-2037-465F-A373-EA2C54AE7349}" srcId="{842BBA57-2B95-47BB-84B3-077F3D78F307}" destId="{1A1E75B9-3081-4766-B539-7DE26A2CDD48}" srcOrd="0" destOrd="0" parTransId="{A8A6C3A9-F04F-4F1D-9412-884185A12028}" sibTransId="{FEF592F5-C46E-4C5A-AC34-948DC2A75976}"/>
    <dgm:cxn modelId="{61898C36-2A18-4B1E-B450-B1582C2AE31C}" type="presOf" srcId="{1A1E75B9-3081-4766-B539-7DE26A2CDD48}" destId="{5AE9DA9B-FD2D-4794-B4DC-6FDD6678867A}" srcOrd="0" destOrd="0" presId="urn:microsoft.com/office/officeart/2005/8/layout/hList1"/>
    <dgm:cxn modelId="{AEE26960-81BA-4ED8-948B-7B767ACCE830}" srcId="{70FE4681-779C-41EB-8843-A58B89535A09}" destId="{3795817A-9FB6-4444-BA78-C924B67927B8}" srcOrd="1" destOrd="0" parTransId="{6ABBC2D1-0E27-4A3C-8FC9-6B37B522B4E0}" sibTransId="{2D6A3C82-32EC-424F-BE07-F379D782E0DA}"/>
    <dgm:cxn modelId="{61B84E6A-9945-4558-8CAB-54EB3FA391BA}" type="presOf" srcId="{039CD62B-B1C4-4E25-B820-D900AAE9A2E4}" destId="{1A793E1E-F135-4AFC-807D-0EA50F6FECE1}" srcOrd="0" destOrd="0" presId="urn:microsoft.com/office/officeart/2005/8/layout/hList1"/>
    <dgm:cxn modelId="{8A1AC14B-B7AB-42B6-8177-2C86F1AF106B}" type="presOf" srcId="{70FE4681-779C-41EB-8843-A58B89535A09}" destId="{CCBAEBDA-1BA7-4B0B-924C-F4C22AEB08F1}" srcOrd="0" destOrd="0" presId="urn:microsoft.com/office/officeart/2005/8/layout/hList1"/>
    <dgm:cxn modelId="{8C3DE16E-D001-4232-A2B2-DCB1C146A7BB}" type="presOf" srcId="{3795817A-9FB6-4444-BA78-C924B67927B8}" destId="{02C1E6D1-577E-49B7-B365-329039C3ADF8}" srcOrd="0" destOrd="0" presId="urn:microsoft.com/office/officeart/2005/8/layout/hList1"/>
    <dgm:cxn modelId="{FF88DA75-9474-45D9-B739-B912708EE266}" type="presOf" srcId="{E5434040-CD69-4CAB-8FFB-1B51C6DDE189}" destId="{39DAB978-EDEE-4CFF-8C7C-5DADA3EE18DD}" srcOrd="0" destOrd="0" presId="urn:microsoft.com/office/officeart/2005/8/layout/hList1"/>
    <dgm:cxn modelId="{8EBFEB9E-43B9-4294-BADA-D85E1E806460}" type="presOf" srcId="{D7720399-6511-4820-A743-AF44685DE918}" destId="{39DAB978-EDEE-4CFF-8C7C-5DADA3EE18DD}" srcOrd="0" destOrd="1" presId="urn:microsoft.com/office/officeart/2005/8/layout/hList1"/>
    <dgm:cxn modelId="{6F4672AC-A81C-4A45-A3BB-0DEF3974AA0D}" srcId="{039CD62B-B1C4-4E25-B820-D900AAE9A2E4}" destId="{D7720399-6511-4820-A743-AF44685DE918}" srcOrd="1" destOrd="0" parTransId="{B2F4BFDD-0C1D-4281-87AF-F2C8F4F1CCDF}" sibTransId="{3BC2AF0E-0316-4061-A8BC-D8A06064D452}"/>
    <dgm:cxn modelId="{61C838CE-95A5-4EF1-B119-5B357131BD2A}" type="presOf" srcId="{3A744412-D2BF-465F-9A1B-462A6EB085BF}" destId="{54DC181A-45AF-4744-86CF-F7CF024AA138}" srcOrd="0" destOrd="0" presId="urn:microsoft.com/office/officeart/2005/8/layout/hList1"/>
    <dgm:cxn modelId="{D4F95BD0-ED37-4079-BBDB-6DFC7531F366}" srcId="{70FE4681-779C-41EB-8843-A58B89535A09}" destId="{842BBA57-2B95-47BB-84B3-077F3D78F307}" srcOrd="2" destOrd="0" parTransId="{EF8853A6-961B-4288-AD54-16A16145DD59}" sibTransId="{8FC5B603-B0BF-4B1C-8E3C-0CB2CBA82E6A}"/>
    <dgm:cxn modelId="{CA7424EF-7193-432A-96CE-310FB6BE7F8C}" srcId="{039CD62B-B1C4-4E25-B820-D900AAE9A2E4}" destId="{E5434040-CD69-4CAB-8FFB-1B51C6DDE189}" srcOrd="0" destOrd="0" parTransId="{EF6C460C-9DDE-48DC-8D43-7EDE201E97C8}" sibTransId="{393C8270-AF1D-44B7-BCD4-B7E68ED742FD}"/>
    <dgm:cxn modelId="{2B79FCF0-4C01-455A-B92D-73BA462708FF}" srcId="{3795817A-9FB6-4444-BA78-C924B67927B8}" destId="{3A744412-D2BF-465F-9A1B-462A6EB085BF}" srcOrd="0" destOrd="0" parTransId="{CAFD65ED-A10D-44A8-ADFD-74225B795E42}" sibTransId="{8EC958BE-D337-439E-AF37-F1634D3F738C}"/>
    <dgm:cxn modelId="{4B9509EC-94DC-4850-BB7C-3F72DE43C715}" type="presParOf" srcId="{CCBAEBDA-1BA7-4B0B-924C-F4C22AEB08F1}" destId="{BE4A65AA-0EE6-48BE-96F7-15A189371879}" srcOrd="0" destOrd="0" presId="urn:microsoft.com/office/officeart/2005/8/layout/hList1"/>
    <dgm:cxn modelId="{6298D32E-BD28-4576-90FD-5DFA7ECB5F95}" type="presParOf" srcId="{BE4A65AA-0EE6-48BE-96F7-15A189371879}" destId="{1A793E1E-F135-4AFC-807D-0EA50F6FECE1}" srcOrd="0" destOrd="0" presId="urn:microsoft.com/office/officeart/2005/8/layout/hList1"/>
    <dgm:cxn modelId="{214BC647-F387-4785-90A4-7870F504F130}" type="presParOf" srcId="{BE4A65AA-0EE6-48BE-96F7-15A189371879}" destId="{39DAB978-EDEE-4CFF-8C7C-5DADA3EE18DD}" srcOrd="1" destOrd="0" presId="urn:microsoft.com/office/officeart/2005/8/layout/hList1"/>
    <dgm:cxn modelId="{935B41E8-81DC-43B5-AE6C-17C901EA9F06}" type="presParOf" srcId="{CCBAEBDA-1BA7-4B0B-924C-F4C22AEB08F1}" destId="{22F41E80-6C23-4363-A3E8-72CF324AA688}" srcOrd="1" destOrd="0" presId="urn:microsoft.com/office/officeart/2005/8/layout/hList1"/>
    <dgm:cxn modelId="{A5F1A6EE-5119-4DC9-B76E-07408D4E92B7}" type="presParOf" srcId="{CCBAEBDA-1BA7-4B0B-924C-F4C22AEB08F1}" destId="{1DC85DE8-E235-4C2F-B988-575A26EBEA15}" srcOrd="2" destOrd="0" presId="urn:microsoft.com/office/officeart/2005/8/layout/hList1"/>
    <dgm:cxn modelId="{8B3E80E3-313F-4B60-A6D1-508A3C23EA32}" type="presParOf" srcId="{1DC85DE8-E235-4C2F-B988-575A26EBEA15}" destId="{02C1E6D1-577E-49B7-B365-329039C3ADF8}" srcOrd="0" destOrd="0" presId="urn:microsoft.com/office/officeart/2005/8/layout/hList1"/>
    <dgm:cxn modelId="{D099CBCC-5CC2-4F44-BB33-9AE7BE042FAA}" type="presParOf" srcId="{1DC85DE8-E235-4C2F-B988-575A26EBEA15}" destId="{54DC181A-45AF-4744-86CF-F7CF024AA138}" srcOrd="1" destOrd="0" presId="urn:microsoft.com/office/officeart/2005/8/layout/hList1"/>
    <dgm:cxn modelId="{702489A9-07F1-40D0-BD3C-90042DFA94F6}" type="presParOf" srcId="{CCBAEBDA-1BA7-4B0B-924C-F4C22AEB08F1}" destId="{67C31C86-1E2A-484C-A2EB-C58C4596435A}" srcOrd="3" destOrd="0" presId="urn:microsoft.com/office/officeart/2005/8/layout/hList1"/>
    <dgm:cxn modelId="{4FE3B9FE-866B-497E-8FBD-905641704A52}" type="presParOf" srcId="{CCBAEBDA-1BA7-4B0B-924C-F4C22AEB08F1}" destId="{CDF26456-EEE1-4FA2-AF5C-35E793208800}" srcOrd="4" destOrd="0" presId="urn:microsoft.com/office/officeart/2005/8/layout/hList1"/>
    <dgm:cxn modelId="{8E4967AC-D3FE-40EC-866B-3A6C5A972BE1}" type="presParOf" srcId="{CDF26456-EEE1-4FA2-AF5C-35E793208800}" destId="{8B294E31-D769-4293-A3EB-2337D70994EE}" srcOrd="0" destOrd="0" presId="urn:microsoft.com/office/officeart/2005/8/layout/hList1"/>
    <dgm:cxn modelId="{6BCD1213-C0C6-458F-8877-FE05B0CCF658}" type="presParOf" srcId="{CDF26456-EEE1-4FA2-AF5C-35E793208800}" destId="{5AE9DA9B-FD2D-4794-B4DC-6FDD6678867A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4518959F-9A0A-430B-A1AA-10BAE099A635}" type="doc">
      <dgm:prSet loTypeId="urn:microsoft.com/office/officeart/2005/8/layout/vProcess5" loCatId="process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D5CA3F83-21C2-4BA3-A947-C0797607D966}">
      <dgm:prSet/>
      <dgm:spPr>
        <a:solidFill>
          <a:srgbClr val="9DCA70"/>
        </a:solidFill>
      </dgm:spPr>
      <dgm:t>
        <a:bodyPr/>
        <a:lstStyle/>
        <a:p>
          <a:r>
            <a:rPr lang="da-DK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igtailkateter tilkobles drænpose med </a:t>
          </a:r>
          <a:r>
            <a:rPr lang="da-DK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Heimlichs</a:t>
          </a:r>
          <a:r>
            <a:rPr lang="da-DK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-ventil </a:t>
          </a:r>
          <a:endParaRPr lang="en-US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E792E7C5-5693-4C6F-AE56-C1DD8387B69F}" type="parTrans" cxnId="{75AAEEB1-E337-4282-A331-CE3943D75AD8}">
      <dgm:prSet/>
      <dgm:spPr/>
      <dgm:t>
        <a:bodyPr/>
        <a:lstStyle/>
        <a:p>
          <a:endParaRPr lang="en-US"/>
        </a:p>
      </dgm:t>
    </dgm:pt>
    <dgm:pt modelId="{C06AE217-E830-482C-B37C-7F08B85FC9D0}" type="sibTrans" cxnId="{75AAEEB1-E337-4282-A331-CE3943D75AD8}">
      <dgm:prSet/>
      <dgm:spPr>
        <a:solidFill>
          <a:srgbClr val="567F43">
            <a:alpha val="90000"/>
          </a:srgbClr>
        </a:solidFill>
      </dgm:spPr>
      <dgm:t>
        <a:bodyPr/>
        <a:lstStyle/>
        <a:p>
          <a:endParaRPr lang="en-US"/>
        </a:p>
      </dgm:t>
    </dgm:pt>
    <dgm:pt modelId="{6CD1B385-58F5-456E-9335-2F5F42D081AB}">
      <dgm:prSet/>
      <dgm:spPr>
        <a:solidFill>
          <a:srgbClr val="9DCA70"/>
        </a:solidFill>
      </dgm:spPr>
      <dgm:t>
        <a:bodyPr/>
        <a:lstStyle/>
        <a:p>
          <a:r>
            <a:rPr lang="da-DK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Drænet skylles med minimum 20 ml NaCl 2-3 gange dgl. For at sikre åbenstående dræn </a:t>
          </a:r>
          <a:endParaRPr lang="en-US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1097D4FC-3C6A-451E-AD6F-32B7650F8F6A}" type="parTrans" cxnId="{F28546A1-5724-46EF-910E-960785EB6B12}">
      <dgm:prSet/>
      <dgm:spPr/>
      <dgm:t>
        <a:bodyPr/>
        <a:lstStyle/>
        <a:p>
          <a:endParaRPr lang="en-US"/>
        </a:p>
      </dgm:t>
    </dgm:pt>
    <dgm:pt modelId="{8CE6709F-7590-4AB2-A3F9-053EB9814C92}" type="sibTrans" cxnId="{F28546A1-5724-46EF-910E-960785EB6B12}">
      <dgm:prSet/>
      <dgm:spPr>
        <a:solidFill>
          <a:srgbClr val="567F43">
            <a:alpha val="90000"/>
          </a:srgbClr>
        </a:solidFill>
      </dgm:spPr>
      <dgm:t>
        <a:bodyPr/>
        <a:lstStyle/>
        <a:p>
          <a:endParaRPr lang="en-US"/>
        </a:p>
      </dgm:t>
    </dgm:pt>
    <dgm:pt modelId="{0082BF5D-2070-401F-976A-D91BD953EECB}">
      <dgm:prSet/>
      <dgm:spPr>
        <a:solidFill>
          <a:srgbClr val="9DCA70"/>
        </a:solidFill>
      </dgm:spPr>
      <dgm:t>
        <a:bodyPr/>
        <a:lstStyle/>
        <a:p>
          <a:r>
            <a:rPr lang="da-DK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Som udgangspunkt ved empyem opstartes </a:t>
          </a:r>
          <a:r>
            <a:rPr lang="da-DK" b="0" i="0" baseline="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intrapleural</a:t>
          </a:r>
          <a:r>
            <a:rPr lang="da-DK" b="0" i="0" baseline="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behandling som virker </a:t>
          </a:r>
          <a:r>
            <a:rPr lang="da-DK" b="0" i="0" baseline="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fibrinopløsende</a:t>
          </a:r>
          <a:r>
            <a:rPr lang="da-DK" b="0" i="0" baseline="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da-DK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efter ordination fra læge</a:t>
          </a:r>
          <a:endParaRPr lang="en-US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FBEE8E18-D783-455E-BADC-22226D786EE9}" type="parTrans" cxnId="{17362E13-E475-4C54-93D6-23399080AA6C}">
      <dgm:prSet/>
      <dgm:spPr/>
      <dgm:t>
        <a:bodyPr/>
        <a:lstStyle/>
        <a:p>
          <a:endParaRPr lang="en-US"/>
        </a:p>
      </dgm:t>
    </dgm:pt>
    <dgm:pt modelId="{B1507727-4D77-4C74-A532-082D24649525}" type="sibTrans" cxnId="{17362E13-E475-4C54-93D6-23399080AA6C}">
      <dgm:prSet/>
      <dgm:spPr>
        <a:solidFill>
          <a:srgbClr val="567F43">
            <a:alpha val="90000"/>
          </a:srgbClr>
        </a:solidFill>
      </dgm:spPr>
      <dgm:t>
        <a:bodyPr/>
        <a:lstStyle/>
        <a:p>
          <a:endParaRPr lang="en-US"/>
        </a:p>
      </dgm:t>
    </dgm:pt>
    <dgm:pt modelId="{AF70109E-EAB2-4AE3-B9EE-14E7039BDDAE}">
      <dgm:prSet/>
      <dgm:spPr>
        <a:solidFill>
          <a:srgbClr val="9DCA70"/>
        </a:solidFill>
      </dgm:spPr>
      <dgm:t>
        <a:bodyPr/>
        <a:lstStyle/>
        <a:p>
          <a:r>
            <a:rPr lang="da-DK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Hvis ikke der findes indikation eller det er en kontraindikation opstartes stort skyl (250 ml x 3 dagligt) </a:t>
          </a:r>
          <a:endParaRPr lang="en-US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3E7EB12B-9BF8-4800-8AAB-F31D0B5EE2A3}" type="parTrans" cxnId="{B95015CA-804C-4203-9B96-C9F5F9458936}">
      <dgm:prSet/>
      <dgm:spPr/>
      <dgm:t>
        <a:bodyPr/>
        <a:lstStyle/>
        <a:p>
          <a:endParaRPr lang="en-US"/>
        </a:p>
      </dgm:t>
    </dgm:pt>
    <dgm:pt modelId="{7F652364-0B7B-4ECB-BA56-352C6F128A83}" type="sibTrans" cxnId="{B95015CA-804C-4203-9B96-C9F5F9458936}">
      <dgm:prSet/>
      <dgm:spPr/>
      <dgm:t>
        <a:bodyPr/>
        <a:lstStyle/>
        <a:p>
          <a:endParaRPr lang="en-US"/>
        </a:p>
      </dgm:t>
    </dgm:pt>
    <dgm:pt modelId="{07B4BFA3-76C2-422D-91D2-65BCC4E8EADE}" type="pres">
      <dgm:prSet presAssocID="{4518959F-9A0A-430B-A1AA-10BAE099A635}" presName="outerComposite" presStyleCnt="0">
        <dgm:presLayoutVars>
          <dgm:chMax val="5"/>
          <dgm:dir/>
          <dgm:resizeHandles val="exact"/>
        </dgm:presLayoutVars>
      </dgm:prSet>
      <dgm:spPr/>
    </dgm:pt>
    <dgm:pt modelId="{25FFE04A-16FA-4670-8566-A7C97B332C0E}" type="pres">
      <dgm:prSet presAssocID="{4518959F-9A0A-430B-A1AA-10BAE099A635}" presName="dummyMaxCanvas" presStyleCnt="0">
        <dgm:presLayoutVars/>
      </dgm:prSet>
      <dgm:spPr/>
    </dgm:pt>
    <dgm:pt modelId="{304AAE1B-6CB3-4085-AD1F-A93EC8BB19DD}" type="pres">
      <dgm:prSet presAssocID="{4518959F-9A0A-430B-A1AA-10BAE099A635}" presName="FourNodes_1" presStyleLbl="node1" presStyleIdx="0" presStyleCnt="4">
        <dgm:presLayoutVars>
          <dgm:bulletEnabled val="1"/>
        </dgm:presLayoutVars>
      </dgm:prSet>
      <dgm:spPr/>
    </dgm:pt>
    <dgm:pt modelId="{02DC3469-583A-47B9-AF6A-51BE998BF006}" type="pres">
      <dgm:prSet presAssocID="{4518959F-9A0A-430B-A1AA-10BAE099A635}" presName="FourNodes_2" presStyleLbl="node1" presStyleIdx="1" presStyleCnt="4">
        <dgm:presLayoutVars>
          <dgm:bulletEnabled val="1"/>
        </dgm:presLayoutVars>
      </dgm:prSet>
      <dgm:spPr/>
    </dgm:pt>
    <dgm:pt modelId="{3457F1DB-6C25-4FB3-89BE-6F772460569D}" type="pres">
      <dgm:prSet presAssocID="{4518959F-9A0A-430B-A1AA-10BAE099A635}" presName="FourNodes_3" presStyleLbl="node1" presStyleIdx="2" presStyleCnt="4">
        <dgm:presLayoutVars>
          <dgm:bulletEnabled val="1"/>
        </dgm:presLayoutVars>
      </dgm:prSet>
      <dgm:spPr/>
    </dgm:pt>
    <dgm:pt modelId="{6E1ABAE1-2C91-480B-960D-3CD407167E46}" type="pres">
      <dgm:prSet presAssocID="{4518959F-9A0A-430B-A1AA-10BAE099A635}" presName="FourNodes_4" presStyleLbl="node1" presStyleIdx="3" presStyleCnt="4">
        <dgm:presLayoutVars>
          <dgm:bulletEnabled val="1"/>
        </dgm:presLayoutVars>
      </dgm:prSet>
      <dgm:spPr/>
    </dgm:pt>
    <dgm:pt modelId="{A78D04A0-2D8D-4EAA-A03D-EE7D87833DF4}" type="pres">
      <dgm:prSet presAssocID="{4518959F-9A0A-430B-A1AA-10BAE099A635}" presName="FourConn_1-2" presStyleLbl="fgAccFollowNode1" presStyleIdx="0" presStyleCnt="3">
        <dgm:presLayoutVars>
          <dgm:bulletEnabled val="1"/>
        </dgm:presLayoutVars>
      </dgm:prSet>
      <dgm:spPr/>
    </dgm:pt>
    <dgm:pt modelId="{D9E1D07F-3FF3-4693-9417-8D5939AC807C}" type="pres">
      <dgm:prSet presAssocID="{4518959F-9A0A-430B-A1AA-10BAE099A635}" presName="FourConn_2-3" presStyleLbl="fgAccFollowNode1" presStyleIdx="1" presStyleCnt="3">
        <dgm:presLayoutVars>
          <dgm:bulletEnabled val="1"/>
        </dgm:presLayoutVars>
      </dgm:prSet>
      <dgm:spPr/>
    </dgm:pt>
    <dgm:pt modelId="{D71914DD-1AAB-4D8D-B2A7-D466CFA2A5FF}" type="pres">
      <dgm:prSet presAssocID="{4518959F-9A0A-430B-A1AA-10BAE099A635}" presName="FourConn_3-4" presStyleLbl="fgAccFollowNode1" presStyleIdx="2" presStyleCnt="3">
        <dgm:presLayoutVars>
          <dgm:bulletEnabled val="1"/>
        </dgm:presLayoutVars>
      </dgm:prSet>
      <dgm:spPr/>
    </dgm:pt>
    <dgm:pt modelId="{D460BB9E-85F8-4C39-9165-C83395B8E29B}" type="pres">
      <dgm:prSet presAssocID="{4518959F-9A0A-430B-A1AA-10BAE099A635}" presName="FourNodes_1_text" presStyleLbl="node1" presStyleIdx="3" presStyleCnt="4">
        <dgm:presLayoutVars>
          <dgm:bulletEnabled val="1"/>
        </dgm:presLayoutVars>
      </dgm:prSet>
      <dgm:spPr/>
    </dgm:pt>
    <dgm:pt modelId="{A185A5F7-C8FA-4847-9531-B17538C5346F}" type="pres">
      <dgm:prSet presAssocID="{4518959F-9A0A-430B-A1AA-10BAE099A635}" presName="FourNodes_2_text" presStyleLbl="node1" presStyleIdx="3" presStyleCnt="4">
        <dgm:presLayoutVars>
          <dgm:bulletEnabled val="1"/>
        </dgm:presLayoutVars>
      </dgm:prSet>
      <dgm:spPr/>
    </dgm:pt>
    <dgm:pt modelId="{36FA699A-5BC5-4555-95F4-57920A1F849B}" type="pres">
      <dgm:prSet presAssocID="{4518959F-9A0A-430B-A1AA-10BAE099A635}" presName="FourNodes_3_text" presStyleLbl="node1" presStyleIdx="3" presStyleCnt="4">
        <dgm:presLayoutVars>
          <dgm:bulletEnabled val="1"/>
        </dgm:presLayoutVars>
      </dgm:prSet>
      <dgm:spPr/>
    </dgm:pt>
    <dgm:pt modelId="{620E0F93-7D9C-4A11-B51C-E8FBBFCE919C}" type="pres">
      <dgm:prSet presAssocID="{4518959F-9A0A-430B-A1AA-10BAE099A635}" presName="FourNodes_4_text" presStyleLbl="node1" presStyleIdx="3" presStyleCnt="4">
        <dgm:presLayoutVars>
          <dgm:bulletEnabled val="1"/>
        </dgm:presLayoutVars>
      </dgm:prSet>
      <dgm:spPr/>
    </dgm:pt>
  </dgm:ptLst>
  <dgm:cxnLst>
    <dgm:cxn modelId="{17362E13-E475-4C54-93D6-23399080AA6C}" srcId="{4518959F-9A0A-430B-A1AA-10BAE099A635}" destId="{0082BF5D-2070-401F-976A-D91BD953EECB}" srcOrd="2" destOrd="0" parTransId="{FBEE8E18-D783-455E-BADC-22226D786EE9}" sibTransId="{B1507727-4D77-4C74-A532-082D24649525}"/>
    <dgm:cxn modelId="{C5601922-9984-4C7B-96A8-8A6702C4C988}" type="presOf" srcId="{0082BF5D-2070-401F-976A-D91BD953EECB}" destId="{3457F1DB-6C25-4FB3-89BE-6F772460569D}" srcOrd="0" destOrd="0" presId="urn:microsoft.com/office/officeart/2005/8/layout/vProcess5"/>
    <dgm:cxn modelId="{4AB02326-2936-4194-AA66-35353D36F1FA}" type="presOf" srcId="{0082BF5D-2070-401F-976A-D91BD953EECB}" destId="{36FA699A-5BC5-4555-95F4-57920A1F849B}" srcOrd="1" destOrd="0" presId="urn:microsoft.com/office/officeart/2005/8/layout/vProcess5"/>
    <dgm:cxn modelId="{6B3B792D-B052-420F-9C95-727261A71877}" type="presOf" srcId="{AF70109E-EAB2-4AE3-B9EE-14E7039BDDAE}" destId="{6E1ABAE1-2C91-480B-960D-3CD407167E46}" srcOrd="0" destOrd="0" presId="urn:microsoft.com/office/officeart/2005/8/layout/vProcess5"/>
    <dgm:cxn modelId="{7CEAE568-7AB8-48B5-815D-968267825E5E}" type="presOf" srcId="{6CD1B385-58F5-456E-9335-2F5F42D081AB}" destId="{02DC3469-583A-47B9-AF6A-51BE998BF006}" srcOrd="0" destOrd="0" presId="urn:microsoft.com/office/officeart/2005/8/layout/vProcess5"/>
    <dgm:cxn modelId="{4F7E2979-63AF-4B53-A43E-3598F43C2498}" type="presOf" srcId="{C06AE217-E830-482C-B37C-7F08B85FC9D0}" destId="{A78D04A0-2D8D-4EAA-A03D-EE7D87833DF4}" srcOrd="0" destOrd="0" presId="urn:microsoft.com/office/officeart/2005/8/layout/vProcess5"/>
    <dgm:cxn modelId="{B66E2287-4133-4A6C-9674-5BCF88038B3B}" type="presOf" srcId="{D5CA3F83-21C2-4BA3-A947-C0797607D966}" destId="{304AAE1B-6CB3-4085-AD1F-A93EC8BB19DD}" srcOrd="0" destOrd="0" presId="urn:microsoft.com/office/officeart/2005/8/layout/vProcess5"/>
    <dgm:cxn modelId="{F28546A1-5724-46EF-910E-960785EB6B12}" srcId="{4518959F-9A0A-430B-A1AA-10BAE099A635}" destId="{6CD1B385-58F5-456E-9335-2F5F42D081AB}" srcOrd="1" destOrd="0" parTransId="{1097D4FC-3C6A-451E-AD6F-32B7650F8F6A}" sibTransId="{8CE6709F-7590-4AB2-A3F9-053EB9814C92}"/>
    <dgm:cxn modelId="{75AAEEB1-E337-4282-A331-CE3943D75AD8}" srcId="{4518959F-9A0A-430B-A1AA-10BAE099A635}" destId="{D5CA3F83-21C2-4BA3-A947-C0797607D966}" srcOrd="0" destOrd="0" parTransId="{E792E7C5-5693-4C6F-AE56-C1DD8387B69F}" sibTransId="{C06AE217-E830-482C-B37C-7F08B85FC9D0}"/>
    <dgm:cxn modelId="{955AFFBD-397C-4651-8C67-0FC77FFE2A1C}" type="presOf" srcId="{AF70109E-EAB2-4AE3-B9EE-14E7039BDDAE}" destId="{620E0F93-7D9C-4A11-B51C-E8FBBFCE919C}" srcOrd="1" destOrd="0" presId="urn:microsoft.com/office/officeart/2005/8/layout/vProcess5"/>
    <dgm:cxn modelId="{B95015CA-804C-4203-9B96-C9F5F9458936}" srcId="{4518959F-9A0A-430B-A1AA-10BAE099A635}" destId="{AF70109E-EAB2-4AE3-B9EE-14E7039BDDAE}" srcOrd="3" destOrd="0" parTransId="{3E7EB12B-9BF8-4800-8AAB-F31D0B5EE2A3}" sibTransId="{7F652364-0B7B-4ECB-BA56-352C6F128A83}"/>
    <dgm:cxn modelId="{8EDB71D0-6CC3-41E8-96C6-8FD7D80F358B}" type="presOf" srcId="{D5CA3F83-21C2-4BA3-A947-C0797607D966}" destId="{D460BB9E-85F8-4C39-9165-C83395B8E29B}" srcOrd="1" destOrd="0" presId="urn:microsoft.com/office/officeart/2005/8/layout/vProcess5"/>
    <dgm:cxn modelId="{560377D6-4E93-469F-A6A1-D80065A1D8C7}" type="presOf" srcId="{6CD1B385-58F5-456E-9335-2F5F42D081AB}" destId="{A185A5F7-C8FA-4847-9531-B17538C5346F}" srcOrd="1" destOrd="0" presId="urn:microsoft.com/office/officeart/2005/8/layout/vProcess5"/>
    <dgm:cxn modelId="{548546DF-BBB8-4C27-8F1D-2AC8F69D7E41}" type="presOf" srcId="{8CE6709F-7590-4AB2-A3F9-053EB9814C92}" destId="{D9E1D07F-3FF3-4693-9417-8D5939AC807C}" srcOrd="0" destOrd="0" presId="urn:microsoft.com/office/officeart/2005/8/layout/vProcess5"/>
    <dgm:cxn modelId="{722C62F4-B996-499F-B7A1-F474E02B3F6D}" type="presOf" srcId="{B1507727-4D77-4C74-A532-082D24649525}" destId="{D71914DD-1AAB-4D8D-B2A7-D466CFA2A5FF}" srcOrd="0" destOrd="0" presId="urn:microsoft.com/office/officeart/2005/8/layout/vProcess5"/>
    <dgm:cxn modelId="{B5F4C6FE-05C9-4530-AA07-E6F5E48EFA78}" type="presOf" srcId="{4518959F-9A0A-430B-A1AA-10BAE099A635}" destId="{07B4BFA3-76C2-422D-91D2-65BCC4E8EADE}" srcOrd="0" destOrd="0" presId="urn:microsoft.com/office/officeart/2005/8/layout/vProcess5"/>
    <dgm:cxn modelId="{A81BB17D-7E90-4843-8FB0-1EE3DF1E7D5E}" type="presParOf" srcId="{07B4BFA3-76C2-422D-91D2-65BCC4E8EADE}" destId="{25FFE04A-16FA-4670-8566-A7C97B332C0E}" srcOrd="0" destOrd="0" presId="urn:microsoft.com/office/officeart/2005/8/layout/vProcess5"/>
    <dgm:cxn modelId="{C9E9DB31-A4AA-4C3F-AF4E-97CF2240DA17}" type="presParOf" srcId="{07B4BFA3-76C2-422D-91D2-65BCC4E8EADE}" destId="{304AAE1B-6CB3-4085-AD1F-A93EC8BB19DD}" srcOrd="1" destOrd="0" presId="urn:microsoft.com/office/officeart/2005/8/layout/vProcess5"/>
    <dgm:cxn modelId="{4E315F97-85E9-4588-A8F7-986AD7B76BE4}" type="presParOf" srcId="{07B4BFA3-76C2-422D-91D2-65BCC4E8EADE}" destId="{02DC3469-583A-47B9-AF6A-51BE998BF006}" srcOrd="2" destOrd="0" presId="urn:microsoft.com/office/officeart/2005/8/layout/vProcess5"/>
    <dgm:cxn modelId="{44D229C4-B3B3-43F0-A972-BAD557A43C29}" type="presParOf" srcId="{07B4BFA3-76C2-422D-91D2-65BCC4E8EADE}" destId="{3457F1DB-6C25-4FB3-89BE-6F772460569D}" srcOrd="3" destOrd="0" presId="urn:microsoft.com/office/officeart/2005/8/layout/vProcess5"/>
    <dgm:cxn modelId="{8925750B-D04B-4231-B63F-B9A43DA537A1}" type="presParOf" srcId="{07B4BFA3-76C2-422D-91D2-65BCC4E8EADE}" destId="{6E1ABAE1-2C91-480B-960D-3CD407167E46}" srcOrd="4" destOrd="0" presId="urn:microsoft.com/office/officeart/2005/8/layout/vProcess5"/>
    <dgm:cxn modelId="{2D0A1C48-0614-4DFF-9B12-300FF05295EA}" type="presParOf" srcId="{07B4BFA3-76C2-422D-91D2-65BCC4E8EADE}" destId="{A78D04A0-2D8D-4EAA-A03D-EE7D87833DF4}" srcOrd="5" destOrd="0" presId="urn:microsoft.com/office/officeart/2005/8/layout/vProcess5"/>
    <dgm:cxn modelId="{4550E3BA-54B6-4AFA-837A-DFAC57A08B6C}" type="presParOf" srcId="{07B4BFA3-76C2-422D-91D2-65BCC4E8EADE}" destId="{D9E1D07F-3FF3-4693-9417-8D5939AC807C}" srcOrd="6" destOrd="0" presId="urn:microsoft.com/office/officeart/2005/8/layout/vProcess5"/>
    <dgm:cxn modelId="{9CF9DC0E-3366-45AB-9AC8-3444FBD774CA}" type="presParOf" srcId="{07B4BFA3-76C2-422D-91D2-65BCC4E8EADE}" destId="{D71914DD-1AAB-4D8D-B2A7-D466CFA2A5FF}" srcOrd="7" destOrd="0" presId="urn:microsoft.com/office/officeart/2005/8/layout/vProcess5"/>
    <dgm:cxn modelId="{E8640C83-F0DD-4A88-A17A-8028F3AE69C7}" type="presParOf" srcId="{07B4BFA3-76C2-422D-91D2-65BCC4E8EADE}" destId="{D460BB9E-85F8-4C39-9165-C83395B8E29B}" srcOrd="8" destOrd="0" presId="urn:microsoft.com/office/officeart/2005/8/layout/vProcess5"/>
    <dgm:cxn modelId="{428B0B40-77D1-45BB-B216-F78B5D779EB1}" type="presParOf" srcId="{07B4BFA3-76C2-422D-91D2-65BCC4E8EADE}" destId="{A185A5F7-C8FA-4847-9531-B17538C5346F}" srcOrd="9" destOrd="0" presId="urn:microsoft.com/office/officeart/2005/8/layout/vProcess5"/>
    <dgm:cxn modelId="{11545AC5-A1CA-44F4-A0F5-F05105646D75}" type="presParOf" srcId="{07B4BFA3-76C2-422D-91D2-65BCC4E8EADE}" destId="{36FA699A-5BC5-4555-95F4-57920A1F849B}" srcOrd="10" destOrd="0" presId="urn:microsoft.com/office/officeart/2005/8/layout/vProcess5"/>
    <dgm:cxn modelId="{65D90EB8-E20B-4195-80D0-A77E295E7E90}" type="presParOf" srcId="{07B4BFA3-76C2-422D-91D2-65BCC4E8EADE}" destId="{620E0F93-7D9C-4A11-B51C-E8FBBFCE919C}" srcOrd="11" destOrd="0" presId="urn:microsoft.com/office/officeart/2005/8/layout/vProcess5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153EEFDA-4F05-499A-A18D-24859A382E26}" type="doc">
      <dgm:prSet loTypeId="urn:microsoft.com/office/officeart/2005/8/layout/default" loCatId="list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4E3FAB62-BCD8-442A-BB21-0D447C500B95}">
      <dgm:prSet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Klinisk og </a:t>
          </a:r>
          <a:r>
            <a:rPr lang="da-DK" sz="200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araklinisk</a:t>
          </a:r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bedring</a:t>
          </a:r>
          <a:endParaRPr lang="en-US" sz="20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357B660E-A675-443F-B83F-37033ACC62BA}" type="parTrans" cxnId="{0C0894D3-665B-483B-80E9-AE0CC34C09D9}">
      <dgm:prSet/>
      <dgm:spPr/>
      <dgm:t>
        <a:bodyPr/>
        <a:lstStyle/>
        <a:p>
          <a:endParaRPr lang="en-US"/>
        </a:p>
      </dgm:t>
    </dgm:pt>
    <dgm:pt modelId="{F5458749-1E74-4C4A-AEE8-0163C912A1FC}" type="sibTrans" cxnId="{0C0894D3-665B-483B-80E9-AE0CC34C09D9}">
      <dgm:prSet/>
      <dgm:spPr/>
      <dgm:t>
        <a:bodyPr/>
        <a:lstStyle/>
        <a:p>
          <a:endParaRPr lang="en-US"/>
        </a:p>
      </dgm:t>
    </dgm:pt>
    <dgm:pt modelId="{D53B03BA-777F-4202-B7E0-3BABF6EE6525}">
      <dgm:prSet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Billeddiagnostik uden betydelig </a:t>
          </a:r>
          <a:r>
            <a:rPr lang="da-DK" sz="200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resteffusion</a:t>
          </a:r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og klar skyllevæske uden pus med minimal </a:t>
          </a:r>
          <a:r>
            <a:rPr lang="da-DK" sz="200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fibrindannelse</a:t>
          </a:r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</a:t>
          </a:r>
          <a:endParaRPr lang="en-US" sz="20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2A3C48DB-CEBB-4F7C-9822-0B22FCBE35E2}" type="parTrans" cxnId="{3A6BB915-BB76-4EFC-A9F6-A0F07AAF56B9}">
      <dgm:prSet/>
      <dgm:spPr/>
      <dgm:t>
        <a:bodyPr/>
        <a:lstStyle/>
        <a:p>
          <a:endParaRPr lang="en-US"/>
        </a:p>
      </dgm:t>
    </dgm:pt>
    <dgm:pt modelId="{3ACE56D0-8F53-494A-AFCE-001FC62DB31D}" type="sibTrans" cxnId="{3A6BB915-BB76-4EFC-A9F6-A0F07AAF56B9}">
      <dgm:prSet/>
      <dgm:spPr/>
      <dgm:t>
        <a:bodyPr/>
        <a:lstStyle/>
        <a:p>
          <a:endParaRPr lang="en-US"/>
        </a:p>
      </dgm:t>
    </dgm:pt>
    <dgm:pt modelId="{5BEFA684-F032-4317-877F-AB612633BD63}">
      <dgm:prSet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roduktion &lt;200 ml pr. døgn </a:t>
          </a:r>
          <a:endParaRPr lang="en-US" sz="20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8966FB6B-D56F-446D-86C3-226A01EDCEF6}" type="parTrans" cxnId="{0928FC55-2C50-4193-91EA-06B13B6E4FFA}">
      <dgm:prSet/>
      <dgm:spPr/>
      <dgm:t>
        <a:bodyPr/>
        <a:lstStyle/>
        <a:p>
          <a:endParaRPr lang="en-US"/>
        </a:p>
      </dgm:t>
    </dgm:pt>
    <dgm:pt modelId="{8D19ED79-748D-46B3-AB5F-B2E98F05640F}" type="sibTrans" cxnId="{0928FC55-2C50-4193-91EA-06B13B6E4FFA}">
      <dgm:prSet/>
      <dgm:spPr/>
      <dgm:t>
        <a:bodyPr/>
        <a:lstStyle/>
        <a:p>
          <a:endParaRPr lang="en-US"/>
        </a:p>
      </dgm:t>
    </dgm:pt>
    <dgm:pt modelId="{A270F9C2-E8CB-4211-972A-B331B0E611F8}" type="pres">
      <dgm:prSet presAssocID="{153EEFDA-4F05-499A-A18D-24859A382E26}" presName="diagram" presStyleCnt="0">
        <dgm:presLayoutVars>
          <dgm:dir/>
          <dgm:resizeHandles val="exact"/>
        </dgm:presLayoutVars>
      </dgm:prSet>
      <dgm:spPr/>
    </dgm:pt>
    <dgm:pt modelId="{A2309635-06DD-4888-BD90-FCC6B849598F}" type="pres">
      <dgm:prSet presAssocID="{4E3FAB62-BCD8-442A-BB21-0D447C500B95}" presName="node" presStyleLbl="node1" presStyleIdx="0" presStyleCnt="3">
        <dgm:presLayoutVars>
          <dgm:bulletEnabled val="1"/>
        </dgm:presLayoutVars>
      </dgm:prSet>
      <dgm:spPr/>
    </dgm:pt>
    <dgm:pt modelId="{A5CA5ABE-BAE0-4020-907A-1372D929F863}" type="pres">
      <dgm:prSet presAssocID="{F5458749-1E74-4C4A-AEE8-0163C912A1FC}" presName="sibTrans" presStyleCnt="0"/>
      <dgm:spPr/>
    </dgm:pt>
    <dgm:pt modelId="{735139DC-CA73-4A0A-8CB4-29BC2590BA94}" type="pres">
      <dgm:prSet presAssocID="{D53B03BA-777F-4202-B7E0-3BABF6EE6525}" presName="node" presStyleLbl="node1" presStyleIdx="1" presStyleCnt="3">
        <dgm:presLayoutVars>
          <dgm:bulletEnabled val="1"/>
        </dgm:presLayoutVars>
      </dgm:prSet>
      <dgm:spPr/>
    </dgm:pt>
    <dgm:pt modelId="{B324DDE7-2F5E-4D57-BBA0-360E83C1387F}" type="pres">
      <dgm:prSet presAssocID="{3ACE56D0-8F53-494A-AFCE-001FC62DB31D}" presName="sibTrans" presStyleCnt="0"/>
      <dgm:spPr/>
    </dgm:pt>
    <dgm:pt modelId="{12421E62-A410-41CF-B6B0-4B58993CDBDF}" type="pres">
      <dgm:prSet presAssocID="{5BEFA684-F032-4317-877F-AB612633BD63}" presName="node" presStyleLbl="node1" presStyleIdx="2" presStyleCnt="3">
        <dgm:presLayoutVars>
          <dgm:bulletEnabled val="1"/>
        </dgm:presLayoutVars>
      </dgm:prSet>
      <dgm:spPr/>
    </dgm:pt>
  </dgm:ptLst>
  <dgm:cxnLst>
    <dgm:cxn modelId="{0CA37F15-D30C-47BC-9F13-D28C640A0889}" type="presOf" srcId="{D53B03BA-777F-4202-B7E0-3BABF6EE6525}" destId="{735139DC-CA73-4A0A-8CB4-29BC2590BA94}" srcOrd="0" destOrd="0" presId="urn:microsoft.com/office/officeart/2005/8/layout/default"/>
    <dgm:cxn modelId="{3A6BB915-BB76-4EFC-A9F6-A0F07AAF56B9}" srcId="{153EEFDA-4F05-499A-A18D-24859A382E26}" destId="{D53B03BA-777F-4202-B7E0-3BABF6EE6525}" srcOrd="1" destOrd="0" parTransId="{2A3C48DB-CEBB-4F7C-9822-0B22FCBE35E2}" sibTransId="{3ACE56D0-8F53-494A-AFCE-001FC62DB31D}"/>
    <dgm:cxn modelId="{1853D36E-E097-4F02-9643-A0031FB38C1A}" type="presOf" srcId="{153EEFDA-4F05-499A-A18D-24859A382E26}" destId="{A270F9C2-E8CB-4211-972A-B331B0E611F8}" srcOrd="0" destOrd="0" presId="urn:microsoft.com/office/officeart/2005/8/layout/default"/>
    <dgm:cxn modelId="{3C7D1F73-9795-4FC6-8372-F57267FD6E01}" type="presOf" srcId="{5BEFA684-F032-4317-877F-AB612633BD63}" destId="{12421E62-A410-41CF-B6B0-4B58993CDBDF}" srcOrd="0" destOrd="0" presId="urn:microsoft.com/office/officeart/2005/8/layout/default"/>
    <dgm:cxn modelId="{0928FC55-2C50-4193-91EA-06B13B6E4FFA}" srcId="{153EEFDA-4F05-499A-A18D-24859A382E26}" destId="{5BEFA684-F032-4317-877F-AB612633BD63}" srcOrd="2" destOrd="0" parTransId="{8966FB6B-D56F-446D-86C3-226A01EDCEF6}" sibTransId="{8D19ED79-748D-46B3-AB5F-B2E98F05640F}"/>
    <dgm:cxn modelId="{0C0894D3-665B-483B-80E9-AE0CC34C09D9}" srcId="{153EEFDA-4F05-499A-A18D-24859A382E26}" destId="{4E3FAB62-BCD8-442A-BB21-0D447C500B95}" srcOrd="0" destOrd="0" parTransId="{357B660E-A675-443F-B83F-37033ACC62BA}" sibTransId="{F5458749-1E74-4C4A-AEE8-0163C912A1FC}"/>
    <dgm:cxn modelId="{582A85FD-C99C-478C-BB4B-25D7B497D9EB}" type="presOf" srcId="{4E3FAB62-BCD8-442A-BB21-0D447C500B95}" destId="{A2309635-06DD-4888-BD90-FCC6B849598F}" srcOrd="0" destOrd="0" presId="urn:microsoft.com/office/officeart/2005/8/layout/default"/>
    <dgm:cxn modelId="{DE72D944-0510-4555-AB91-2937E7E609D4}" type="presParOf" srcId="{A270F9C2-E8CB-4211-972A-B331B0E611F8}" destId="{A2309635-06DD-4888-BD90-FCC6B849598F}" srcOrd="0" destOrd="0" presId="urn:microsoft.com/office/officeart/2005/8/layout/default"/>
    <dgm:cxn modelId="{C96316E6-CB53-490E-B40A-3D6BDABF96BA}" type="presParOf" srcId="{A270F9C2-E8CB-4211-972A-B331B0E611F8}" destId="{A5CA5ABE-BAE0-4020-907A-1372D929F863}" srcOrd="1" destOrd="0" presId="urn:microsoft.com/office/officeart/2005/8/layout/default"/>
    <dgm:cxn modelId="{37BCA507-9012-4883-8495-B39C1A7A3374}" type="presParOf" srcId="{A270F9C2-E8CB-4211-972A-B331B0E611F8}" destId="{735139DC-CA73-4A0A-8CB4-29BC2590BA94}" srcOrd="2" destOrd="0" presId="urn:microsoft.com/office/officeart/2005/8/layout/default"/>
    <dgm:cxn modelId="{19BF311F-60D9-406B-A531-B368B3A55DE4}" type="presParOf" srcId="{A270F9C2-E8CB-4211-972A-B331B0E611F8}" destId="{B324DDE7-2F5E-4D57-BBA0-360E83C1387F}" srcOrd="3" destOrd="0" presId="urn:microsoft.com/office/officeart/2005/8/layout/default"/>
    <dgm:cxn modelId="{560B92B2-12F4-46EF-8EA3-1243D346D633}" type="presParOf" srcId="{A270F9C2-E8CB-4211-972A-B331B0E611F8}" destId="{12421E62-A410-41CF-B6B0-4B58993CDBDF}" srcOrd="4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153EEFDA-4F05-499A-A18D-24859A382E26}" type="doc">
      <dgm:prSet loTypeId="urn:microsoft.com/office/officeart/2005/8/layout/default" loCatId="list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4E3FAB62-BCD8-442A-BB21-0D447C500B95}">
      <dgm:prSet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Hvis drænet ikke forsat `lufter`</a:t>
          </a:r>
          <a:endParaRPr lang="en-US" sz="20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357B660E-A675-443F-B83F-37033ACC62BA}" type="parTrans" cxnId="{0C0894D3-665B-483B-80E9-AE0CC34C09D9}">
      <dgm:prSet/>
      <dgm:spPr/>
      <dgm:t>
        <a:bodyPr/>
        <a:lstStyle/>
        <a:p>
          <a:endParaRPr lang="en-US"/>
        </a:p>
      </dgm:t>
    </dgm:pt>
    <dgm:pt modelId="{F5458749-1E74-4C4A-AEE8-0163C912A1FC}" type="sibTrans" cxnId="{0C0894D3-665B-483B-80E9-AE0CC34C09D9}">
      <dgm:prSet/>
      <dgm:spPr/>
      <dgm:t>
        <a:bodyPr/>
        <a:lstStyle/>
        <a:p>
          <a:endParaRPr lang="en-US"/>
        </a:p>
      </dgm:t>
    </dgm:pt>
    <dgm:pt modelId="{D53B03BA-777F-4202-B7E0-3BABF6EE6525}">
      <dgm:prSet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Der anbefales at drænet minimum ikke skal have luftet i 24 timer for at forebygge recidiv</a:t>
          </a:r>
          <a:endParaRPr lang="en-US" sz="20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2A3C48DB-CEBB-4F7C-9822-0B22FCBE35E2}" type="parTrans" cxnId="{3A6BB915-BB76-4EFC-A9F6-A0F07AAF56B9}">
      <dgm:prSet/>
      <dgm:spPr/>
      <dgm:t>
        <a:bodyPr/>
        <a:lstStyle/>
        <a:p>
          <a:endParaRPr lang="en-US"/>
        </a:p>
      </dgm:t>
    </dgm:pt>
    <dgm:pt modelId="{3ACE56D0-8F53-494A-AFCE-001FC62DB31D}" type="sibTrans" cxnId="{3A6BB915-BB76-4EFC-A9F6-A0F07AAF56B9}">
      <dgm:prSet/>
      <dgm:spPr/>
      <dgm:t>
        <a:bodyPr/>
        <a:lstStyle/>
        <a:p>
          <a:endParaRPr lang="en-US"/>
        </a:p>
      </dgm:t>
    </dgm:pt>
    <dgm:pt modelId="{5BEFA684-F032-4317-877F-AB612633BD63}">
      <dgm:prSet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Røntgenbillede med udfoldet lunge</a:t>
          </a:r>
          <a:endParaRPr lang="en-US" sz="20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8966FB6B-D56F-446D-86C3-226A01EDCEF6}" type="parTrans" cxnId="{0928FC55-2C50-4193-91EA-06B13B6E4FFA}">
      <dgm:prSet/>
      <dgm:spPr/>
      <dgm:t>
        <a:bodyPr/>
        <a:lstStyle/>
        <a:p>
          <a:endParaRPr lang="en-US"/>
        </a:p>
      </dgm:t>
    </dgm:pt>
    <dgm:pt modelId="{8D19ED79-748D-46B3-AB5F-B2E98F05640F}" type="sibTrans" cxnId="{0928FC55-2C50-4193-91EA-06B13B6E4FFA}">
      <dgm:prSet/>
      <dgm:spPr/>
      <dgm:t>
        <a:bodyPr/>
        <a:lstStyle/>
        <a:p>
          <a:endParaRPr lang="en-US"/>
        </a:p>
      </dgm:t>
    </dgm:pt>
    <dgm:pt modelId="{A270F9C2-E8CB-4211-972A-B331B0E611F8}" type="pres">
      <dgm:prSet presAssocID="{153EEFDA-4F05-499A-A18D-24859A382E26}" presName="diagram" presStyleCnt="0">
        <dgm:presLayoutVars>
          <dgm:dir/>
          <dgm:resizeHandles val="exact"/>
        </dgm:presLayoutVars>
      </dgm:prSet>
      <dgm:spPr/>
    </dgm:pt>
    <dgm:pt modelId="{A2309635-06DD-4888-BD90-FCC6B849598F}" type="pres">
      <dgm:prSet presAssocID="{4E3FAB62-BCD8-442A-BB21-0D447C500B95}" presName="node" presStyleLbl="node1" presStyleIdx="0" presStyleCnt="3">
        <dgm:presLayoutVars>
          <dgm:bulletEnabled val="1"/>
        </dgm:presLayoutVars>
      </dgm:prSet>
      <dgm:spPr/>
    </dgm:pt>
    <dgm:pt modelId="{A5CA5ABE-BAE0-4020-907A-1372D929F863}" type="pres">
      <dgm:prSet presAssocID="{F5458749-1E74-4C4A-AEE8-0163C912A1FC}" presName="sibTrans" presStyleCnt="0"/>
      <dgm:spPr/>
    </dgm:pt>
    <dgm:pt modelId="{735139DC-CA73-4A0A-8CB4-29BC2590BA94}" type="pres">
      <dgm:prSet presAssocID="{D53B03BA-777F-4202-B7E0-3BABF6EE6525}" presName="node" presStyleLbl="node1" presStyleIdx="1" presStyleCnt="3">
        <dgm:presLayoutVars>
          <dgm:bulletEnabled val="1"/>
        </dgm:presLayoutVars>
      </dgm:prSet>
      <dgm:spPr/>
    </dgm:pt>
    <dgm:pt modelId="{B324DDE7-2F5E-4D57-BBA0-360E83C1387F}" type="pres">
      <dgm:prSet presAssocID="{3ACE56D0-8F53-494A-AFCE-001FC62DB31D}" presName="sibTrans" presStyleCnt="0"/>
      <dgm:spPr/>
    </dgm:pt>
    <dgm:pt modelId="{12421E62-A410-41CF-B6B0-4B58993CDBDF}" type="pres">
      <dgm:prSet presAssocID="{5BEFA684-F032-4317-877F-AB612633BD63}" presName="node" presStyleLbl="node1" presStyleIdx="2" presStyleCnt="3" custLinFactNeighborX="500" custLinFactNeighborY="763">
        <dgm:presLayoutVars>
          <dgm:bulletEnabled val="1"/>
        </dgm:presLayoutVars>
      </dgm:prSet>
      <dgm:spPr/>
    </dgm:pt>
  </dgm:ptLst>
  <dgm:cxnLst>
    <dgm:cxn modelId="{0CA37F15-D30C-47BC-9F13-D28C640A0889}" type="presOf" srcId="{D53B03BA-777F-4202-B7E0-3BABF6EE6525}" destId="{735139DC-CA73-4A0A-8CB4-29BC2590BA94}" srcOrd="0" destOrd="0" presId="urn:microsoft.com/office/officeart/2005/8/layout/default"/>
    <dgm:cxn modelId="{3A6BB915-BB76-4EFC-A9F6-A0F07AAF56B9}" srcId="{153EEFDA-4F05-499A-A18D-24859A382E26}" destId="{D53B03BA-777F-4202-B7E0-3BABF6EE6525}" srcOrd="1" destOrd="0" parTransId="{2A3C48DB-CEBB-4F7C-9822-0B22FCBE35E2}" sibTransId="{3ACE56D0-8F53-494A-AFCE-001FC62DB31D}"/>
    <dgm:cxn modelId="{1853D36E-E097-4F02-9643-A0031FB38C1A}" type="presOf" srcId="{153EEFDA-4F05-499A-A18D-24859A382E26}" destId="{A270F9C2-E8CB-4211-972A-B331B0E611F8}" srcOrd="0" destOrd="0" presId="urn:microsoft.com/office/officeart/2005/8/layout/default"/>
    <dgm:cxn modelId="{3C7D1F73-9795-4FC6-8372-F57267FD6E01}" type="presOf" srcId="{5BEFA684-F032-4317-877F-AB612633BD63}" destId="{12421E62-A410-41CF-B6B0-4B58993CDBDF}" srcOrd="0" destOrd="0" presId="urn:microsoft.com/office/officeart/2005/8/layout/default"/>
    <dgm:cxn modelId="{0928FC55-2C50-4193-91EA-06B13B6E4FFA}" srcId="{153EEFDA-4F05-499A-A18D-24859A382E26}" destId="{5BEFA684-F032-4317-877F-AB612633BD63}" srcOrd="2" destOrd="0" parTransId="{8966FB6B-D56F-446D-86C3-226A01EDCEF6}" sibTransId="{8D19ED79-748D-46B3-AB5F-B2E98F05640F}"/>
    <dgm:cxn modelId="{0C0894D3-665B-483B-80E9-AE0CC34C09D9}" srcId="{153EEFDA-4F05-499A-A18D-24859A382E26}" destId="{4E3FAB62-BCD8-442A-BB21-0D447C500B95}" srcOrd="0" destOrd="0" parTransId="{357B660E-A675-443F-B83F-37033ACC62BA}" sibTransId="{F5458749-1E74-4C4A-AEE8-0163C912A1FC}"/>
    <dgm:cxn modelId="{582A85FD-C99C-478C-BB4B-25D7B497D9EB}" type="presOf" srcId="{4E3FAB62-BCD8-442A-BB21-0D447C500B95}" destId="{A2309635-06DD-4888-BD90-FCC6B849598F}" srcOrd="0" destOrd="0" presId="urn:microsoft.com/office/officeart/2005/8/layout/default"/>
    <dgm:cxn modelId="{DE72D944-0510-4555-AB91-2937E7E609D4}" type="presParOf" srcId="{A270F9C2-E8CB-4211-972A-B331B0E611F8}" destId="{A2309635-06DD-4888-BD90-FCC6B849598F}" srcOrd="0" destOrd="0" presId="urn:microsoft.com/office/officeart/2005/8/layout/default"/>
    <dgm:cxn modelId="{C96316E6-CB53-490E-B40A-3D6BDABF96BA}" type="presParOf" srcId="{A270F9C2-E8CB-4211-972A-B331B0E611F8}" destId="{A5CA5ABE-BAE0-4020-907A-1372D929F863}" srcOrd="1" destOrd="0" presId="urn:microsoft.com/office/officeart/2005/8/layout/default"/>
    <dgm:cxn modelId="{37BCA507-9012-4883-8495-B39C1A7A3374}" type="presParOf" srcId="{A270F9C2-E8CB-4211-972A-B331B0E611F8}" destId="{735139DC-CA73-4A0A-8CB4-29BC2590BA94}" srcOrd="2" destOrd="0" presId="urn:microsoft.com/office/officeart/2005/8/layout/default"/>
    <dgm:cxn modelId="{19BF311F-60D9-406B-A531-B368B3A55DE4}" type="presParOf" srcId="{A270F9C2-E8CB-4211-972A-B331B0E611F8}" destId="{B324DDE7-2F5E-4D57-BBA0-360E83C1387F}" srcOrd="3" destOrd="0" presId="urn:microsoft.com/office/officeart/2005/8/layout/default"/>
    <dgm:cxn modelId="{560B92B2-12F4-46EF-8EA3-1243D346D633}" type="presParOf" srcId="{A270F9C2-E8CB-4211-972A-B331B0E611F8}" destId="{12421E62-A410-41CF-B6B0-4B58993CDBDF}" srcOrd="4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03F7F8EC-DCC4-452D-9326-EAB1B987CDD3}" type="doc">
      <dgm:prSet loTypeId="urn:microsoft.com/office/officeart/2005/8/layout/vList5" loCatId="list" qsTypeId="urn:microsoft.com/office/officeart/2005/8/quickstyle/simple5" qsCatId="simple" csTypeId="urn:microsoft.com/office/officeart/2005/8/colors/accent3_2" csCatId="accent3" phldr="1"/>
      <dgm:spPr/>
      <dgm:t>
        <a:bodyPr/>
        <a:lstStyle/>
        <a:p>
          <a:endParaRPr lang="en-US"/>
        </a:p>
      </dgm:t>
    </dgm:pt>
    <dgm:pt modelId="{0D250641-B3CC-4894-BF82-79FF71EF1640}">
      <dgm:prSet/>
      <dgm:spPr>
        <a:solidFill>
          <a:srgbClr val="9DCA70"/>
        </a:solidFill>
      </dgm:spPr>
      <dgm:t>
        <a:bodyPr/>
        <a:lstStyle/>
        <a:p>
          <a:r>
            <a:rPr lang="da-DK" b="0" i="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leuradræn</a:t>
          </a:r>
          <a:r>
            <a:rPr lang="da-DK" b="0" i="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er oftest smertefulde</a:t>
          </a:r>
          <a:endParaRPr lang="en-US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51FC494B-4C04-44BF-9559-CDE0A7A6FF47}" type="parTrans" cxnId="{82B70E3E-6377-43FC-9262-508B66F47241}">
      <dgm:prSet/>
      <dgm:spPr/>
      <dgm:t>
        <a:bodyPr/>
        <a:lstStyle/>
        <a:p>
          <a:endParaRPr lang="en-US"/>
        </a:p>
      </dgm:t>
    </dgm:pt>
    <dgm:pt modelId="{2EBE8552-3140-4C4E-ADBF-404EC1F64432}" type="sibTrans" cxnId="{82B70E3E-6377-43FC-9262-508B66F47241}">
      <dgm:prSet/>
      <dgm:spPr/>
      <dgm:t>
        <a:bodyPr/>
        <a:lstStyle/>
        <a:p>
          <a:endParaRPr lang="en-US"/>
        </a:p>
      </dgm:t>
    </dgm:pt>
    <dgm:pt modelId="{AAAE636D-7BFB-4A5B-8F5A-BF15EAF16D9D}">
      <dgm:prSet/>
      <dgm:spPr>
        <a:solidFill>
          <a:srgbClr val="9DCA70"/>
        </a:solidFill>
      </dgm:spPr>
      <dgm:t>
        <a:bodyPr/>
        <a:lstStyle/>
        <a:p>
          <a:r>
            <a:rPr lang="da-DK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Sygeplejerskens opgave at sikre at patient er sufficient smertedækket </a:t>
          </a:r>
          <a:endParaRPr lang="en-US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5967D9D6-0317-4459-BB8A-7871CECDCCD8}" type="parTrans" cxnId="{BDB777D7-7B30-4474-BBC2-77FFB275BC62}">
      <dgm:prSet/>
      <dgm:spPr/>
      <dgm:t>
        <a:bodyPr/>
        <a:lstStyle/>
        <a:p>
          <a:endParaRPr lang="en-US"/>
        </a:p>
      </dgm:t>
    </dgm:pt>
    <dgm:pt modelId="{F11673C3-21B3-481B-86D6-E09F70EB3B5E}" type="sibTrans" cxnId="{BDB777D7-7B30-4474-BBC2-77FFB275BC62}">
      <dgm:prSet/>
      <dgm:spPr/>
      <dgm:t>
        <a:bodyPr/>
        <a:lstStyle/>
        <a:p>
          <a:endParaRPr lang="en-US"/>
        </a:p>
      </dgm:t>
    </dgm:pt>
    <dgm:pt modelId="{55D3ADEC-4B25-4BF4-925D-F784C3651155}">
      <dgm:prSet/>
      <dgm:spPr>
        <a:solidFill>
          <a:srgbClr val="9DCA70"/>
        </a:solidFill>
      </dgm:spPr>
      <dgm:t>
        <a:bodyPr/>
        <a:lstStyle/>
        <a:p>
          <a:r>
            <a:rPr lang="da-DK" b="0" i="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Der anbefales fast paracetamol kombineret med NSAID. Der kan suppleres med </a:t>
          </a:r>
          <a:r>
            <a:rPr lang="da-DK" b="0" i="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morfika</a:t>
          </a:r>
          <a:endParaRPr lang="en-US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72C7521A-3A32-4F61-A2B7-7B5ED255A2AA}" type="parTrans" cxnId="{D1211430-A2C2-44CD-B335-D2215FF0C27A}">
      <dgm:prSet/>
      <dgm:spPr/>
      <dgm:t>
        <a:bodyPr/>
        <a:lstStyle/>
        <a:p>
          <a:endParaRPr lang="en-US"/>
        </a:p>
      </dgm:t>
    </dgm:pt>
    <dgm:pt modelId="{E9EB3F77-7BC1-472C-B20F-96695255E5FB}" type="sibTrans" cxnId="{D1211430-A2C2-44CD-B335-D2215FF0C27A}">
      <dgm:prSet/>
      <dgm:spPr/>
      <dgm:t>
        <a:bodyPr/>
        <a:lstStyle/>
        <a:p>
          <a:endParaRPr lang="en-US"/>
        </a:p>
      </dgm:t>
    </dgm:pt>
    <dgm:pt modelId="{E554AB6B-2613-4E6F-B78E-20A9C5292783}">
      <dgm:prSet/>
      <dgm:spPr>
        <a:solidFill>
          <a:srgbClr val="9DCA70"/>
        </a:solidFill>
      </dgm:spPr>
      <dgm:t>
        <a:bodyPr/>
        <a:lstStyle/>
        <a:p>
          <a:r>
            <a:rPr lang="da-DK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Det er vigtigt at sikre patienten mobiliseres </a:t>
          </a:r>
          <a:endParaRPr lang="en-US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3BF0FB2A-5E6F-455D-A119-82F3117A0E2B}" type="parTrans" cxnId="{A5F0389D-5773-4EEC-8BD4-2003EF4D1FA7}">
      <dgm:prSet/>
      <dgm:spPr/>
      <dgm:t>
        <a:bodyPr/>
        <a:lstStyle/>
        <a:p>
          <a:endParaRPr lang="en-US"/>
        </a:p>
      </dgm:t>
    </dgm:pt>
    <dgm:pt modelId="{4DA4E9E9-C78A-4CEF-B4EB-4A4D85FE0960}" type="sibTrans" cxnId="{A5F0389D-5773-4EEC-8BD4-2003EF4D1FA7}">
      <dgm:prSet/>
      <dgm:spPr/>
      <dgm:t>
        <a:bodyPr/>
        <a:lstStyle/>
        <a:p>
          <a:endParaRPr lang="en-US"/>
        </a:p>
      </dgm:t>
    </dgm:pt>
    <dgm:pt modelId="{B94C8728-58A2-4A5B-88FE-199147DD3E09}">
      <dgm:prSet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Medvirker desuden til at udtømme luft og væskelommer samt sikre udfoldelse og forebygge pneumoni </a:t>
          </a:r>
          <a:endParaRPr lang="en-US" sz="20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2F390161-A64E-49B7-95F1-AE575C7D1FDD}" type="parTrans" cxnId="{08991292-F4BD-414A-8D82-5A27E8C1E5E7}">
      <dgm:prSet/>
      <dgm:spPr/>
      <dgm:t>
        <a:bodyPr/>
        <a:lstStyle/>
        <a:p>
          <a:endParaRPr lang="en-US"/>
        </a:p>
      </dgm:t>
    </dgm:pt>
    <dgm:pt modelId="{B55F017A-AB81-493F-B602-77127A990093}" type="sibTrans" cxnId="{08991292-F4BD-414A-8D82-5A27E8C1E5E7}">
      <dgm:prSet/>
      <dgm:spPr/>
      <dgm:t>
        <a:bodyPr/>
        <a:lstStyle/>
        <a:p>
          <a:endParaRPr lang="en-US"/>
        </a:p>
      </dgm:t>
    </dgm:pt>
    <dgm:pt modelId="{E6588211-FD15-439E-AFC9-BA644C49E901}" type="pres">
      <dgm:prSet presAssocID="{03F7F8EC-DCC4-452D-9326-EAB1B987CDD3}" presName="Name0" presStyleCnt="0">
        <dgm:presLayoutVars>
          <dgm:dir/>
          <dgm:animLvl val="lvl"/>
          <dgm:resizeHandles val="exact"/>
        </dgm:presLayoutVars>
      </dgm:prSet>
      <dgm:spPr/>
    </dgm:pt>
    <dgm:pt modelId="{4514DBE1-1A4F-45A4-941C-C10B5177A51F}" type="pres">
      <dgm:prSet presAssocID="{0D250641-B3CC-4894-BF82-79FF71EF1640}" presName="linNode" presStyleCnt="0"/>
      <dgm:spPr/>
    </dgm:pt>
    <dgm:pt modelId="{55DB60F7-60B8-4719-9520-601E2A08AAAE}" type="pres">
      <dgm:prSet presAssocID="{0D250641-B3CC-4894-BF82-79FF71EF1640}" presName="parentText" presStyleLbl="node1" presStyleIdx="0" presStyleCnt="5">
        <dgm:presLayoutVars>
          <dgm:chMax val="1"/>
          <dgm:bulletEnabled val="1"/>
        </dgm:presLayoutVars>
      </dgm:prSet>
      <dgm:spPr/>
    </dgm:pt>
    <dgm:pt modelId="{BBFFC06E-D1F6-40E9-A262-F5F8114E52D4}" type="pres">
      <dgm:prSet presAssocID="{2EBE8552-3140-4C4E-ADBF-404EC1F64432}" presName="sp" presStyleCnt="0"/>
      <dgm:spPr/>
    </dgm:pt>
    <dgm:pt modelId="{ABB027FC-2F2D-4306-ADDC-030D9BE1E241}" type="pres">
      <dgm:prSet presAssocID="{AAAE636D-7BFB-4A5B-8F5A-BF15EAF16D9D}" presName="linNode" presStyleCnt="0"/>
      <dgm:spPr/>
    </dgm:pt>
    <dgm:pt modelId="{DB016F5E-9DB5-4D05-B325-740D348AF7CC}" type="pres">
      <dgm:prSet presAssocID="{AAAE636D-7BFB-4A5B-8F5A-BF15EAF16D9D}" presName="parentText" presStyleLbl="node1" presStyleIdx="1" presStyleCnt="5">
        <dgm:presLayoutVars>
          <dgm:chMax val="1"/>
          <dgm:bulletEnabled val="1"/>
        </dgm:presLayoutVars>
      </dgm:prSet>
      <dgm:spPr/>
    </dgm:pt>
    <dgm:pt modelId="{615258D9-A303-4865-9C92-CA87B9092DEB}" type="pres">
      <dgm:prSet presAssocID="{F11673C3-21B3-481B-86D6-E09F70EB3B5E}" presName="sp" presStyleCnt="0"/>
      <dgm:spPr/>
    </dgm:pt>
    <dgm:pt modelId="{BEA5559D-084F-4190-971A-F1D46F9DD21D}" type="pres">
      <dgm:prSet presAssocID="{55D3ADEC-4B25-4BF4-925D-F784C3651155}" presName="linNode" presStyleCnt="0"/>
      <dgm:spPr/>
    </dgm:pt>
    <dgm:pt modelId="{4706DB66-B8B7-458E-B349-9D16019578D8}" type="pres">
      <dgm:prSet presAssocID="{55D3ADEC-4B25-4BF4-925D-F784C3651155}" presName="parentText" presStyleLbl="node1" presStyleIdx="2" presStyleCnt="5">
        <dgm:presLayoutVars>
          <dgm:chMax val="1"/>
          <dgm:bulletEnabled val="1"/>
        </dgm:presLayoutVars>
      </dgm:prSet>
      <dgm:spPr/>
    </dgm:pt>
    <dgm:pt modelId="{7073A982-44B8-48EA-B45C-D33F1347B060}" type="pres">
      <dgm:prSet presAssocID="{E9EB3F77-7BC1-472C-B20F-96695255E5FB}" presName="sp" presStyleCnt="0"/>
      <dgm:spPr/>
    </dgm:pt>
    <dgm:pt modelId="{0ABE228C-A510-4DB5-AE54-B03174AA4360}" type="pres">
      <dgm:prSet presAssocID="{E554AB6B-2613-4E6F-B78E-20A9C5292783}" presName="linNode" presStyleCnt="0"/>
      <dgm:spPr/>
    </dgm:pt>
    <dgm:pt modelId="{4E71EBC3-E0C6-4793-85AD-01E8582D0148}" type="pres">
      <dgm:prSet presAssocID="{E554AB6B-2613-4E6F-B78E-20A9C5292783}" presName="parentText" presStyleLbl="node1" presStyleIdx="3" presStyleCnt="5">
        <dgm:presLayoutVars>
          <dgm:chMax val="1"/>
          <dgm:bulletEnabled val="1"/>
        </dgm:presLayoutVars>
      </dgm:prSet>
      <dgm:spPr/>
    </dgm:pt>
    <dgm:pt modelId="{D3A318E7-48A4-41C4-B8A6-904B760F3B2F}" type="pres">
      <dgm:prSet presAssocID="{4DA4E9E9-C78A-4CEF-B4EB-4A4D85FE0960}" presName="sp" presStyleCnt="0"/>
      <dgm:spPr/>
    </dgm:pt>
    <dgm:pt modelId="{BA928502-7FF1-4EA3-8D41-8EED6DCDA0B8}" type="pres">
      <dgm:prSet presAssocID="{B94C8728-58A2-4A5B-88FE-199147DD3E09}" presName="linNode" presStyleCnt="0"/>
      <dgm:spPr/>
    </dgm:pt>
    <dgm:pt modelId="{08B2EC41-C415-46D4-B090-63761C0366B0}" type="pres">
      <dgm:prSet presAssocID="{B94C8728-58A2-4A5B-88FE-199147DD3E09}" presName="parentText" presStyleLbl="node1" presStyleIdx="4" presStyleCnt="5">
        <dgm:presLayoutVars>
          <dgm:chMax val="1"/>
          <dgm:bulletEnabled val="1"/>
        </dgm:presLayoutVars>
      </dgm:prSet>
      <dgm:spPr/>
    </dgm:pt>
  </dgm:ptLst>
  <dgm:cxnLst>
    <dgm:cxn modelId="{94B46403-842F-43BB-8C4C-1A936BE93B16}" type="presOf" srcId="{0D250641-B3CC-4894-BF82-79FF71EF1640}" destId="{55DB60F7-60B8-4719-9520-601E2A08AAAE}" srcOrd="0" destOrd="0" presId="urn:microsoft.com/office/officeart/2005/8/layout/vList5"/>
    <dgm:cxn modelId="{14F5492E-0B92-43DC-ACBC-0805A43D88D2}" type="presOf" srcId="{E554AB6B-2613-4E6F-B78E-20A9C5292783}" destId="{4E71EBC3-E0C6-4793-85AD-01E8582D0148}" srcOrd="0" destOrd="0" presId="urn:microsoft.com/office/officeart/2005/8/layout/vList5"/>
    <dgm:cxn modelId="{D1211430-A2C2-44CD-B335-D2215FF0C27A}" srcId="{03F7F8EC-DCC4-452D-9326-EAB1B987CDD3}" destId="{55D3ADEC-4B25-4BF4-925D-F784C3651155}" srcOrd="2" destOrd="0" parTransId="{72C7521A-3A32-4F61-A2B7-7B5ED255A2AA}" sibTransId="{E9EB3F77-7BC1-472C-B20F-96695255E5FB}"/>
    <dgm:cxn modelId="{82B70E3E-6377-43FC-9262-508B66F47241}" srcId="{03F7F8EC-DCC4-452D-9326-EAB1B987CDD3}" destId="{0D250641-B3CC-4894-BF82-79FF71EF1640}" srcOrd="0" destOrd="0" parTransId="{51FC494B-4C04-44BF-9559-CDE0A7A6FF47}" sibTransId="{2EBE8552-3140-4C4E-ADBF-404EC1F64432}"/>
    <dgm:cxn modelId="{08991292-F4BD-414A-8D82-5A27E8C1E5E7}" srcId="{03F7F8EC-DCC4-452D-9326-EAB1B987CDD3}" destId="{B94C8728-58A2-4A5B-88FE-199147DD3E09}" srcOrd="4" destOrd="0" parTransId="{2F390161-A64E-49B7-95F1-AE575C7D1FDD}" sibTransId="{B55F017A-AB81-493F-B602-77127A990093}"/>
    <dgm:cxn modelId="{A5F0389D-5773-4EEC-8BD4-2003EF4D1FA7}" srcId="{03F7F8EC-DCC4-452D-9326-EAB1B987CDD3}" destId="{E554AB6B-2613-4E6F-B78E-20A9C5292783}" srcOrd="3" destOrd="0" parTransId="{3BF0FB2A-5E6F-455D-A119-82F3117A0E2B}" sibTransId="{4DA4E9E9-C78A-4CEF-B4EB-4A4D85FE0960}"/>
    <dgm:cxn modelId="{E68ED7A3-7291-4FD5-8889-B874C981DE9F}" type="presOf" srcId="{AAAE636D-7BFB-4A5B-8F5A-BF15EAF16D9D}" destId="{DB016F5E-9DB5-4D05-B325-740D348AF7CC}" srcOrd="0" destOrd="0" presId="urn:microsoft.com/office/officeart/2005/8/layout/vList5"/>
    <dgm:cxn modelId="{1BCCFEA7-404F-4990-BA0C-E94654968D03}" type="presOf" srcId="{B94C8728-58A2-4A5B-88FE-199147DD3E09}" destId="{08B2EC41-C415-46D4-B090-63761C0366B0}" srcOrd="0" destOrd="0" presId="urn:microsoft.com/office/officeart/2005/8/layout/vList5"/>
    <dgm:cxn modelId="{01A5ECBF-209B-43F3-AFE2-CC8C4ABA06B4}" type="presOf" srcId="{55D3ADEC-4B25-4BF4-925D-F784C3651155}" destId="{4706DB66-B8B7-458E-B349-9D16019578D8}" srcOrd="0" destOrd="0" presId="urn:microsoft.com/office/officeart/2005/8/layout/vList5"/>
    <dgm:cxn modelId="{98A58ECF-F508-4081-9EA1-4323E7BF503C}" type="presOf" srcId="{03F7F8EC-DCC4-452D-9326-EAB1B987CDD3}" destId="{E6588211-FD15-439E-AFC9-BA644C49E901}" srcOrd="0" destOrd="0" presId="urn:microsoft.com/office/officeart/2005/8/layout/vList5"/>
    <dgm:cxn modelId="{BDB777D7-7B30-4474-BBC2-77FFB275BC62}" srcId="{03F7F8EC-DCC4-452D-9326-EAB1B987CDD3}" destId="{AAAE636D-7BFB-4A5B-8F5A-BF15EAF16D9D}" srcOrd="1" destOrd="0" parTransId="{5967D9D6-0317-4459-BB8A-7871CECDCCD8}" sibTransId="{F11673C3-21B3-481B-86D6-E09F70EB3B5E}"/>
    <dgm:cxn modelId="{C1718E46-F38F-49C8-A9F2-C3E445420F54}" type="presParOf" srcId="{E6588211-FD15-439E-AFC9-BA644C49E901}" destId="{4514DBE1-1A4F-45A4-941C-C10B5177A51F}" srcOrd="0" destOrd="0" presId="urn:microsoft.com/office/officeart/2005/8/layout/vList5"/>
    <dgm:cxn modelId="{6D3A544A-4FE3-4FFF-B82C-E5AE216D15C0}" type="presParOf" srcId="{4514DBE1-1A4F-45A4-941C-C10B5177A51F}" destId="{55DB60F7-60B8-4719-9520-601E2A08AAAE}" srcOrd="0" destOrd="0" presId="urn:microsoft.com/office/officeart/2005/8/layout/vList5"/>
    <dgm:cxn modelId="{8D202F52-C221-41D7-AA40-1C703DD6579A}" type="presParOf" srcId="{E6588211-FD15-439E-AFC9-BA644C49E901}" destId="{BBFFC06E-D1F6-40E9-A262-F5F8114E52D4}" srcOrd="1" destOrd="0" presId="urn:microsoft.com/office/officeart/2005/8/layout/vList5"/>
    <dgm:cxn modelId="{F017A063-DF1F-4B93-9A55-87D79B7FEC3F}" type="presParOf" srcId="{E6588211-FD15-439E-AFC9-BA644C49E901}" destId="{ABB027FC-2F2D-4306-ADDC-030D9BE1E241}" srcOrd="2" destOrd="0" presId="urn:microsoft.com/office/officeart/2005/8/layout/vList5"/>
    <dgm:cxn modelId="{14AC84FD-29B4-452D-BDA9-F0B54DE50B67}" type="presParOf" srcId="{ABB027FC-2F2D-4306-ADDC-030D9BE1E241}" destId="{DB016F5E-9DB5-4D05-B325-740D348AF7CC}" srcOrd="0" destOrd="0" presId="urn:microsoft.com/office/officeart/2005/8/layout/vList5"/>
    <dgm:cxn modelId="{956B6A5C-47F8-4D23-969C-9345832A6B5B}" type="presParOf" srcId="{E6588211-FD15-439E-AFC9-BA644C49E901}" destId="{615258D9-A303-4865-9C92-CA87B9092DEB}" srcOrd="3" destOrd="0" presId="urn:microsoft.com/office/officeart/2005/8/layout/vList5"/>
    <dgm:cxn modelId="{B9ECC535-8277-4BD9-8E57-3CD2C07F05E3}" type="presParOf" srcId="{E6588211-FD15-439E-AFC9-BA644C49E901}" destId="{BEA5559D-084F-4190-971A-F1D46F9DD21D}" srcOrd="4" destOrd="0" presId="urn:microsoft.com/office/officeart/2005/8/layout/vList5"/>
    <dgm:cxn modelId="{FC5230DE-675C-4F31-86F0-134E0681E876}" type="presParOf" srcId="{BEA5559D-084F-4190-971A-F1D46F9DD21D}" destId="{4706DB66-B8B7-458E-B349-9D16019578D8}" srcOrd="0" destOrd="0" presId="urn:microsoft.com/office/officeart/2005/8/layout/vList5"/>
    <dgm:cxn modelId="{8C888100-FF49-4799-AB61-3D9329FFDB88}" type="presParOf" srcId="{E6588211-FD15-439E-AFC9-BA644C49E901}" destId="{7073A982-44B8-48EA-B45C-D33F1347B060}" srcOrd="5" destOrd="0" presId="urn:microsoft.com/office/officeart/2005/8/layout/vList5"/>
    <dgm:cxn modelId="{F4B3B986-9482-4750-892C-01A5FD92EF7D}" type="presParOf" srcId="{E6588211-FD15-439E-AFC9-BA644C49E901}" destId="{0ABE228C-A510-4DB5-AE54-B03174AA4360}" srcOrd="6" destOrd="0" presId="urn:microsoft.com/office/officeart/2005/8/layout/vList5"/>
    <dgm:cxn modelId="{91C88469-BCED-4350-B370-E459B9B82572}" type="presParOf" srcId="{0ABE228C-A510-4DB5-AE54-B03174AA4360}" destId="{4E71EBC3-E0C6-4793-85AD-01E8582D0148}" srcOrd="0" destOrd="0" presId="urn:microsoft.com/office/officeart/2005/8/layout/vList5"/>
    <dgm:cxn modelId="{483C2550-BCC6-4C9A-B321-1DCB17470E07}" type="presParOf" srcId="{E6588211-FD15-439E-AFC9-BA644C49E901}" destId="{D3A318E7-48A4-41C4-B8A6-904B760F3B2F}" srcOrd="7" destOrd="0" presId="urn:microsoft.com/office/officeart/2005/8/layout/vList5"/>
    <dgm:cxn modelId="{284605B3-364E-40D8-84F7-24A17B73C699}" type="presParOf" srcId="{E6588211-FD15-439E-AFC9-BA644C49E901}" destId="{BA928502-7FF1-4EA3-8D41-8EED6DCDA0B8}" srcOrd="8" destOrd="0" presId="urn:microsoft.com/office/officeart/2005/8/layout/vList5"/>
    <dgm:cxn modelId="{EBEF353E-E800-4DDA-B44C-AE2588163901}" type="presParOf" srcId="{BA928502-7FF1-4EA3-8D41-8EED6DCDA0B8}" destId="{08B2EC41-C415-46D4-B090-63761C0366B0}" srcOrd="0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886F3AFA-E390-454D-9FD4-F47018E324AD}" type="doc">
      <dgm:prSet loTypeId="urn:microsoft.com/office/officeart/2005/8/layout/vList5" loCatId="list" qsTypeId="urn:microsoft.com/office/officeart/2005/8/quickstyle/simple5" qsCatId="simple" csTypeId="urn:microsoft.com/office/officeart/2005/8/colors/accent3_2" csCatId="accent3" phldr="1"/>
      <dgm:spPr/>
      <dgm:t>
        <a:bodyPr/>
        <a:lstStyle/>
        <a:p>
          <a:endParaRPr lang="en-US"/>
        </a:p>
      </dgm:t>
    </dgm:pt>
    <dgm:pt modelId="{2D23FF88-089D-43BE-BB4C-BF5B68D360EC}">
      <dgm:prSet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Ved store dræn eller gabende sår kan der med fordel sættes en enkelt sutur</a:t>
          </a:r>
          <a:endParaRPr lang="en-US" sz="20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DC602BDB-8015-4209-88B9-DADB8CEC0F55}" type="parTrans" cxnId="{8F91673C-711F-4142-87C3-34739885F0C5}">
      <dgm:prSet/>
      <dgm:spPr/>
      <dgm:t>
        <a:bodyPr/>
        <a:lstStyle/>
        <a:p>
          <a:endParaRPr lang="en-US"/>
        </a:p>
      </dgm:t>
    </dgm:pt>
    <dgm:pt modelId="{F7BE8C99-2672-4C21-989F-734E1E40D2C9}" type="sibTrans" cxnId="{8F91673C-711F-4142-87C3-34739885F0C5}">
      <dgm:prSet/>
      <dgm:spPr/>
      <dgm:t>
        <a:bodyPr/>
        <a:lstStyle/>
        <a:p>
          <a:endParaRPr lang="en-US"/>
        </a:p>
      </dgm:t>
    </dgm:pt>
    <dgm:pt modelId="{9B4A30C5-19DD-4CDC-BE9E-6709D76DEF5E}">
      <dgm:prSet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Fjern forbinding</a:t>
          </a:r>
          <a:endParaRPr lang="en-US" sz="20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5CA8635C-B691-4FFE-8BCC-80834A86827F}" type="parTrans" cxnId="{919BC48C-7C89-4F9D-B9C6-C0CE938EA0B1}">
      <dgm:prSet/>
      <dgm:spPr/>
      <dgm:t>
        <a:bodyPr/>
        <a:lstStyle/>
        <a:p>
          <a:endParaRPr lang="en-US"/>
        </a:p>
      </dgm:t>
    </dgm:pt>
    <dgm:pt modelId="{69C43003-4251-4A5E-B282-2D6D67C548F0}" type="sibTrans" cxnId="{919BC48C-7C89-4F9D-B9C6-C0CE938EA0B1}">
      <dgm:prSet/>
      <dgm:spPr/>
      <dgm:t>
        <a:bodyPr/>
        <a:lstStyle/>
        <a:p>
          <a:endParaRPr lang="en-US"/>
        </a:p>
      </dgm:t>
    </dgm:pt>
    <dgm:pt modelId="{B85234CC-AEF4-4BE9-AD7A-073373F0FD9E}">
      <dgm:prSet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Løs eventuelle suturer</a:t>
          </a:r>
          <a:endParaRPr lang="en-US" sz="20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FAF7603F-6413-4BD1-AB1D-8F5C725FE977}" type="parTrans" cxnId="{06399AF8-FA20-4F87-990B-48ED2E119A03}">
      <dgm:prSet/>
      <dgm:spPr/>
      <dgm:t>
        <a:bodyPr/>
        <a:lstStyle/>
        <a:p>
          <a:endParaRPr lang="en-US"/>
        </a:p>
      </dgm:t>
    </dgm:pt>
    <dgm:pt modelId="{DC70070B-5B43-40D7-8748-934A8760FADC}" type="sibTrans" cxnId="{06399AF8-FA20-4F87-990B-48ED2E119A03}">
      <dgm:prSet/>
      <dgm:spPr/>
      <dgm:t>
        <a:bodyPr/>
        <a:lstStyle/>
        <a:p>
          <a:endParaRPr lang="en-US"/>
        </a:p>
      </dgm:t>
    </dgm:pt>
    <dgm:pt modelId="{E7701596-241C-4130-8B65-73114C9E601C}">
      <dgm:prSet custT="1"/>
      <dgm:spPr>
        <a:solidFill>
          <a:srgbClr val="9DCA70"/>
        </a:solidFill>
      </dgm:spPr>
      <dgm:t>
        <a:bodyPr/>
        <a:lstStyle/>
        <a:p>
          <a:r>
            <a:rPr lang="da-DK" sz="18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Instruer patienten i at holde vejret efter dyb inspiration, hvorefter drænet trækkes ud og det lufttæt plaster placeres over indstiksstedet</a:t>
          </a:r>
          <a:endParaRPr lang="en-US" sz="18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9FD784C2-5D50-439B-86DB-39039D2575D1}" type="parTrans" cxnId="{994EB4C6-2869-4E31-9EDD-460B12F1DC3F}">
      <dgm:prSet/>
      <dgm:spPr/>
      <dgm:t>
        <a:bodyPr/>
        <a:lstStyle/>
        <a:p>
          <a:endParaRPr lang="en-US"/>
        </a:p>
      </dgm:t>
    </dgm:pt>
    <dgm:pt modelId="{4606E789-95B8-455E-B9D4-82EC5007AA6E}" type="sibTrans" cxnId="{994EB4C6-2869-4E31-9EDD-460B12F1DC3F}">
      <dgm:prSet/>
      <dgm:spPr/>
      <dgm:t>
        <a:bodyPr/>
        <a:lstStyle/>
        <a:p>
          <a:endParaRPr lang="en-US"/>
        </a:p>
      </dgm:t>
    </dgm:pt>
    <dgm:pt modelId="{F8B64848-C764-435A-8B75-B45E04D7B114}">
      <dgm:prSet custT="1"/>
      <dgm:spPr>
        <a:solidFill>
          <a:srgbClr val="9DCA70"/>
        </a:solidFill>
      </dgm:spPr>
      <dgm:t>
        <a:bodyPr/>
        <a:lstStyle/>
        <a:p>
          <a:r>
            <a:rPr lang="da-DK" sz="2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Ved store dræn eller gabende sår kan der med fordel sættes en enkelt sutur </a:t>
          </a:r>
          <a:endParaRPr lang="en-US" sz="20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gm:t>
    </dgm:pt>
    <dgm:pt modelId="{0AAADBF5-DA05-483E-8B7A-1EAEDDE73841}" type="parTrans" cxnId="{45ADBE6F-844A-4A2C-A9FD-D173B00AC4CC}">
      <dgm:prSet/>
      <dgm:spPr/>
      <dgm:t>
        <a:bodyPr/>
        <a:lstStyle/>
        <a:p>
          <a:endParaRPr lang="en-US"/>
        </a:p>
      </dgm:t>
    </dgm:pt>
    <dgm:pt modelId="{57C99E11-C0DC-4423-9AEF-BD479C100EB6}" type="sibTrans" cxnId="{45ADBE6F-844A-4A2C-A9FD-D173B00AC4CC}">
      <dgm:prSet/>
      <dgm:spPr/>
      <dgm:t>
        <a:bodyPr/>
        <a:lstStyle/>
        <a:p>
          <a:endParaRPr lang="en-US"/>
        </a:p>
      </dgm:t>
    </dgm:pt>
    <dgm:pt modelId="{1A207080-E5EA-4507-8BE6-4D0D9A899A02}" type="pres">
      <dgm:prSet presAssocID="{886F3AFA-E390-454D-9FD4-F47018E324AD}" presName="Name0" presStyleCnt="0">
        <dgm:presLayoutVars>
          <dgm:dir/>
          <dgm:animLvl val="lvl"/>
          <dgm:resizeHandles val="exact"/>
        </dgm:presLayoutVars>
      </dgm:prSet>
      <dgm:spPr/>
    </dgm:pt>
    <dgm:pt modelId="{AE5EA6BB-9A3F-41D8-BE62-0C3F5CB445AC}" type="pres">
      <dgm:prSet presAssocID="{2D23FF88-089D-43BE-BB4C-BF5B68D360EC}" presName="linNode" presStyleCnt="0"/>
      <dgm:spPr/>
    </dgm:pt>
    <dgm:pt modelId="{2C0C32F3-2C48-49B3-98D3-AC7FDAC6C98A}" type="pres">
      <dgm:prSet presAssocID="{2D23FF88-089D-43BE-BB4C-BF5B68D360EC}" presName="parentText" presStyleLbl="node1" presStyleIdx="0" presStyleCnt="5" custScaleX="143157" custScaleY="2000000">
        <dgm:presLayoutVars>
          <dgm:chMax val="1"/>
          <dgm:bulletEnabled val="1"/>
        </dgm:presLayoutVars>
      </dgm:prSet>
      <dgm:spPr/>
    </dgm:pt>
    <dgm:pt modelId="{5E82EA36-3DCF-4861-AB3A-BA16F86F5B98}" type="pres">
      <dgm:prSet presAssocID="{F7BE8C99-2672-4C21-989F-734E1E40D2C9}" presName="sp" presStyleCnt="0"/>
      <dgm:spPr/>
    </dgm:pt>
    <dgm:pt modelId="{DAC51ED7-F5F9-4025-8D93-381CAFC0B0D6}" type="pres">
      <dgm:prSet presAssocID="{9B4A30C5-19DD-4CDC-BE9E-6709D76DEF5E}" presName="linNode" presStyleCnt="0"/>
      <dgm:spPr/>
    </dgm:pt>
    <dgm:pt modelId="{3F6AAFE1-F473-4D54-A25D-FA8B75404F73}" type="pres">
      <dgm:prSet presAssocID="{9B4A30C5-19DD-4CDC-BE9E-6709D76DEF5E}" presName="parentText" presStyleLbl="node1" presStyleIdx="1" presStyleCnt="5" custScaleX="143157" custScaleY="2000000">
        <dgm:presLayoutVars>
          <dgm:chMax val="1"/>
          <dgm:bulletEnabled val="1"/>
        </dgm:presLayoutVars>
      </dgm:prSet>
      <dgm:spPr/>
    </dgm:pt>
    <dgm:pt modelId="{ECB7473B-ABEA-4A51-8073-CA8F3E608682}" type="pres">
      <dgm:prSet presAssocID="{69C43003-4251-4A5E-B282-2D6D67C548F0}" presName="sp" presStyleCnt="0"/>
      <dgm:spPr/>
    </dgm:pt>
    <dgm:pt modelId="{AEA9252B-56EB-4153-8E3E-46E3F691A4CA}" type="pres">
      <dgm:prSet presAssocID="{B85234CC-AEF4-4BE9-AD7A-073373F0FD9E}" presName="linNode" presStyleCnt="0"/>
      <dgm:spPr/>
    </dgm:pt>
    <dgm:pt modelId="{A2CE7F47-FEAF-4FDD-BE1F-C0922D702B39}" type="pres">
      <dgm:prSet presAssocID="{B85234CC-AEF4-4BE9-AD7A-073373F0FD9E}" presName="parentText" presStyleLbl="node1" presStyleIdx="2" presStyleCnt="5" custScaleX="143157" custScaleY="2000000">
        <dgm:presLayoutVars>
          <dgm:chMax val="1"/>
          <dgm:bulletEnabled val="1"/>
        </dgm:presLayoutVars>
      </dgm:prSet>
      <dgm:spPr/>
    </dgm:pt>
    <dgm:pt modelId="{6AE35AF9-E9E3-4BEB-9F2C-068F94CB1337}" type="pres">
      <dgm:prSet presAssocID="{DC70070B-5B43-40D7-8748-934A8760FADC}" presName="sp" presStyleCnt="0"/>
      <dgm:spPr/>
    </dgm:pt>
    <dgm:pt modelId="{D20114A8-F577-4D32-9976-5C646F766178}" type="pres">
      <dgm:prSet presAssocID="{E7701596-241C-4130-8B65-73114C9E601C}" presName="linNode" presStyleCnt="0"/>
      <dgm:spPr/>
    </dgm:pt>
    <dgm:pt modelId="{16EF7C25-65F7-4989-835C-A6B25F2089CC}" type="pres">
      <dgm:prSet presAssocID="{E7701596-241C-4130-8B65-73114C9E601C}" presName="parentText" presStyleLbl="node1" presStyleIdx="3" presStyleCnt="5" custScaleX="143157" custScaleY="2000000">
        <dgm:presLayoutVars>
          <dgm:chMax val="1"/>
          <dgm:bulletEnabled val="1"/>
        </dgm:presLayoutVars>
      </dgm:prSet>
      <dgm:spPr/>
    </dgm:pt>
    <dgm:pt modelId="{B2AFEB7E-A81F-4DE2-997A-BD1B9E50BE4E}" type="pres">
      <dgm:prSet presAssocID="{4606E789-95B8-455E-B9D4-82EC5007AA6E}" presName="sp" presStyleCnt="0"/>
      <dgm:spPr/>
    </dgm:pt>
    <dgm:pt modelId="{E340BE4B-92B8-4849-B8EE-7027F8F23D4C}" type="pres">
      <dgm:prSet presAssocID="{F8B64848-C764-435A-8B75-B45E04D7B114}" presName="linNode" presStyleCnt="0"/>
      <dgm:spPr/>
    </dgm:pt>
    <dgm:pt modelId="{D6C9B768-7B64-41D7-ADD1-3A448898F792}" type="pres">
      <dgm:prSet presAssocID="{F8B64848-C764-435A-8B75-B45E04D7B114}" presName="parentText" presStyleLbl="node1" presStyleIdx="4" presStyleCnt="5" custScaleX="143157" custScaleY="2000000">
        <dgm:presLayoutVars>
          <dgm:chMax val="1"/>
          <dgm:bulletEnabled val="1"/>
        </dgm:presLayoutVars>
      </dgm:prSet>
      <dgm:spPr/>
    </dgm:pt>
  </dgm:ptLst>
  <dgm:cxnLst>
    <dgm:cxn modelId="{B421FC09-00E9-4910-8204-926D75468AD5}" type="presOf" srcId="{886F3AFA-E390-454D-9FD4-F47018E324AD}" destId="{1A207080-E5EA-4507-8BE6-4D0D9A899A02}" srcOrd="0" destOrd="0" presId="urn:microsoft.com/office/officeart/2005/8/layout/vList5"/>
    <dgm:cxn modelId="{78BBFE24-D7BA-4FB3-B9AD-4C29165D8A39}" type="presOf" srcId="{2D23FF88-089D-43BE-BB4C-BF5B68D360EC}" destId="{2C0C32F3-2C48-49B3-98D3-AC7FDAC6C98A}" srcOrd="0" destOrd="0" presId="urn:microsoft.com/office/officeart/2005/8/layout/vList5"/>
    <dgm:cxn modelId="{8F91673C-711F-4142-87C3-34739885F0C5}" srcId="{886F3AFA-E390-454D-9FD4-F47018E324AD}" destId="{2D23FF88-089D-43BE-BB4C-BF5B68D360EC}" srcOrd="0" destOrd="0" parTransId="{DC602BDB-8015-4209-88B9-DADB8CEC0F55}" sibTransId="{F7BE8C99-2672-4C21-989F-734E1E40D2C9}"/>
    <dgm:cxn modelId="{45ADBE6F-844A-4A2C-A9FD-D173B00AC4CC}" srcId="{886F3AFA-E390-454D-9FD4-F47018E324AD}" destId="{F8B64848-C764-435A-8B75-B45E04D7B114}" srcOrd="4" destOrd="0" parTransId="{0AAADBF5-DA05-483E-8B7A-1EAEDDE73841}" sibTransId="{57C99E11-C0DC-4423-9AEF-BD479C100EB6}"/>
    <dgm:cxn modelId="{10F4C96F-FA48-481B-9BAB-C1AD1E910631}" type="presOf" srcId="{F8B64848-C764-435A-8B75-B45E04D7B114}" destId="{D6C9B768-7B64-41D7-ADD1-3A448898F792}" srcOrd="0" destOrd="0" presId="urn:microsoft.com/office/officeart/2005/8/layout/vList5"/>
    <dgm:cxn modelId="{51D5E482-8A37-489C-ABD5-ADB85205E060}" type="presOf" srcId="{B85234CC-AEF4-4BE9-AD7A-073373F0FD9E}" destId="{A2CE7F47-FEAF-4FDD-BE1F-C0922D702B39}" srcOrd="0" destOrd="0" presId="urn:microsoft.com/office/officeart/2005/8/layout/vList5"/>
    <dgm:cxn modelId="{919BC48C-7C89-4F9D-B9C6-C0CE938EA0B1}" srcId="{886F3AFA-E390-454D-9FD4-F47018E324AD}" destId="{9B4A30C5-19DD-4CDC-BE9E-6709D76DEF5E}" srcOrd="1" destOrd="0" parTransId="{5CA8635C-B691-4FFE-8BCC-80834A86827F}" sibTransId="{69C43003-4251-4A5E-B282-2D6D67C548F0}"/>
    <dgm:cxn modelId="{9F5257C0-630D-4216-817D-926A294409CC}" type="presOf" srcId="{E7701596-241C-4130-8B65-73114C9E601C}" destId="{16EF7C25-65F7-4989-835C-A6B25F2089CC}" srcOrd="0" destOrd="0" presId="urn:microsoft.com/office/officeart/2005/8/layout/vList5"/>
    <dgm:cxn modelId="{994EB4C6-2869-4E31-9EDD-460B12F1DC3F}" srcId="{886F3AFA-E390-454D-9FD4-F47018E324AD}" destId="{E7701596-241C-4130-8B65-73114C9E601C}" srcOrd="3" destOrd="0" parTransId="{9FD784C2-5D50-439B-86DB-39039D2575D1}" sibTransId="{4606E789-95B8-455E-B9D4-82EC5007AA6E}"/>
    <dgm:cxn modelId="{DAD411D4-92F6-499C-A409-57591F186F5E}" type="presOf" srcId="{9B4A30C5-19DD-4CDC-BE9E-6709D76DEF5E}" destId="{3F6AAFE1-F473-4D54-A25D-FA8B75404F73}" srcOrd="0" destOrd="0" presId="urn:microsoft.com/office/officeart/2005/8/layout/vList5"/>
    <dgm:cxn modelId="{06399AF8-FA20-4F87-990B-48ED2E119A03}" srcId="{886F3AFA-E390-454D-9FD4-F47018E324AD}" destId="{B85234CC-AEF4-4BE9-AD7A-073373F0FD9E}" srcOrd="2" destOrd="0" parTransId="{FAF7603F-6413-4BD1-AB1D-8F5C725FE977}" sibTransId="{DC70070B-5B43-40D7-8748-934A8760FADC}"/>
    <dgm:cxn modelId="{149E6D4A-8A55-48FA-8725-E8F1B1BBC01B}" type="presParOf" srcId="{1A207080-E5EA-4507-8BE6-4D0D9A899A02}" destId="{AE5EA6BB-9A3F-41D8-BE62-0C3F5CB445AC}" srcOrd="0" destOrd="0" presId="urn:microsoft.com/office/officeart/2005/8/layout/vList5"/>
    <dgm:cxn modelId="{72C0A2BF-E789-4A29-A227-4A9C2B722500}" type="presParOf" srcId="{AE5EA6BB-9A3F-41D8-BE62-0C3F5CB445AC}" destId="{2C0C32F3-2C48-49B3-98D3-AC7FDAC6C98A}" srcOrd="0" destOrd="0" presId="urn:microsoft.com/office/officeart/2005/8/layout/vList5"/>
    <dgm:cxn modelId="{58096ED6-EA18-458A-9B5E-219C7BF7CC63}" type="presParOf" srcId="{1A207080-E5EA-4507-8BE6-4D0D9A899A02}" destId="{5E82EA36-3DCF-4861-AB3A-BA16F86F5B98}" srcOrd="1" destOrd="0" presId="urn:microsoft.com/office/officeart/2005/8/layout/vList5"/>
    <dgm:cxn modelId="{B99A2DEE-D8B3-43CD-8F02-1D8F98EF452B}" type="presParOf" srcId="{1A207080-E5EA-4507-8BE6-4D0D9A899A02}" destId="{DAC51ED7-F5F9-4025-8D93-381CAFC0B0D6}" srcOrd="2" destOrd="0" presId="urn:microsoft.com/office/officeart/2005/8/layout/vList5"/>
    <dgm:cxn modelId="{2E032AB7-1EAB-4DE6-9098-AA6E6371399D}" type="presParOf" srcId="{DAC51ED7-F5F9-4025-8D93-381CAFC0B0D6}" destId="{3F6AAFE1-F473-4D54-A25D-FA8B75404F73}" srcOrd="0" destOrd="0" presId="urn:microsoft.com/office/officeart/2005/8/layout/vList5"/>
    <dgm:cxn modelId="{E86117F9-8CB5-4136-A82A-F7D8088EC9FA}" type="presParOf" srcId="{1A207080-E5EA-4507-8BE6-4D0D9A899A02}" destId="{ECB7473B-ABEA-4A51-8073-CA8F3E608682}" srcOrd="3" destOrd="0" presId="urn:microsoft.com/office/officeart/2005/8/layout/vList5"/>
    <dgm:cxn modelId="{7B523B73-FBEB-439E-B476-1B17BFB1096E}" type="presParOf" srcId="{1A207080-E5EA-4507-8BE6-4D0D9A899A02}" destId="{AEA9252B-56EB-4153-8E3E-46E3F691A4CA}" srcOrd="4" destOrd="0" presId="urn:microsoft.com/office/officeart/2005/8/layout/vList5"/>
    <dgm:cxn modelId="{8FFA8515-E0E7-471B-A5D8-39F572CFC6F3}" type="presParOf" srcId="{AEA9252B-56EB-4153-8E3E-46E3F691A4CA}" destId="{A2CE7F47-FEAF-4FDD-BE1F-C0922D702B39}" srcOrd="0" destOrd="0" presId="urn:microsoft.com/office/officeart/2005/8/layout/vList5"/>
    <dgm:cxn modelId="{36BBD705-C1B2-4D79-8EFA-1E514DBA5FAD}" type="presParOf" srcId="{1A207080-E5EA-4507-8BE6-4D0D9A899A02}" destId="{6AE35AF9-E9E3-4BEB-9F2C-068F94CB1337}" srcOrd="5" destOrd="0" presId="urn:microsoft.com/office/officeart/2005/8/layout/vList5"/>
    <dgm:cxn modelId="{ECC596E9-4B97-4C76-9420-CBBE4FED7F56}" type="presParOf" srcId="{1A207080-E5EA-4507-8BE6-4D0D9A899A02}" destId="{D20114A8-F577-4D32-9976-5C646F766178}" srcOrd="6" destOrd="0" presId="urn:microsoft.com/office/officeart/2005/8/layout/vList5"/>
    <dgm:cxn modelId="{0C7F5585-343B-4D3E-AFE4-0996F905FFE0}" type="presParOf" srcId="{D20114A8-F577-4D32-9976-5C646F766178}" destId="{16EF7C25-65F7-4989-835C-A6B25F2089CC}" srcOrd="0" destOrd="0" presId="urn:microsoft.com/office/officeart/2005/8/layout/vList5"/>
    <dgm:cxn modelId="{87FC0702-04EF-4258-949C-8C6661B6DF39}" type="presParOf" srcId="{1A207080-E5EA-4507-8BE6-4D0D9A899A02}" destId="{B2AFEB7E-A81F-4DE2-997A-BD1B9E50BE4E}" srcOrd="7" destOrd="0" presId="urn:microsoft.com/office/officeart/2005/8/layout/vList5"/>
    <dgm:cxn modelId="{8904C96B-88B2-4433-BC16-E2874501013C}" type="presParOf" srcId="{1A207080-E5EA-4507-8BE6-4D0D9A899A02}" destId="{E340BE4B-92B8-4849-B8EE-7027F8F23D4C}" srcOrd="8" destOrd="0" presId="urn:microsoft.com/office/officeart/2005/8/layout/vList5"/>
    <dgm:cxn modelId="{3E4EC2EC-68D0-448C-86FB-864CE05AF686}" type="presParOf" srcId="{E340BE4B-92B8-4849-B8EE-7027F8F23D4C}" destId="{D6C9B768-7B64-41D7-ADD1-3A448898F792}" srcOrd="0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432335D-07DC-4BAC-BF0E-97672252380F}">
      <dsp:nvSpPr>
        <dsp:cNvPr id="0" name=""/>
        <dsp:cNvSpPr/>
      </dsp:nvSpPr>
      <dsp:spPr>
        <a:xfrm>
          <a:off x="1237" y="141233"/>
          <a:ext cx="4343202" cy="2757933"/>
        </a:xfrm>
        <a:prstGeom prst="roundRect">
          <a:avLst>
            <a:gd name="adj" fmla="val 10000"/>
          </a:avLst>
        </a:prstGeom>
        <a:solidFill>
          <a:srgbClr val="B9D99A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F73048F-5911-48BD-947D-C77B2E1F3ABB}">
      <dsp:nvSpPr>
        <dsp:cNvPr id="0" name=""/>
        <dsp:cNvSpPr/>
      </dsp:nvSpPr>
      <dsp:spPr>
        <a:xfrm>
          <a:off x="483815" y="599682"/>
          <a:ext cx="4343202" cy="2757933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567F43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800" kern="1200" baseline="0" dirty="0">
              <a:latin typeface="Calibri" panose="020F0502020204030204" pitchFamily="34" charset="0"/>
              <a:cs typeface="Calibri" panose="020F0502020204030204" pitchFamily="34" charset="0"/>
            </a:rPr>
            <a:t>Kathrine Due Larsen, Klinisk sygeplejespecialist, L13. Lunge- og infektionsmedicinsk afdeling. Bispebjerg hospital </a:t>
          </a:r>
          <a:endParaRPr lang="en-US" sz="28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564592" y="680459"/>
        <a:ext cx="4181648" cy="2596379"/>
      </dsp:txXfrm>
    </dsp:sp>
    <dsp:sp modelId="{C1682C46-6019-4378-828A-1CBE65FAE836}">
      <dsp:nvSpPr>
        <dsp:cNvPr id="0" name=""/>
        <dsp:cNvSpPr/>
      </dsp:nvSpPr>
      <dsp:spPr>
        <a:xfrm>
          <a:off x="5309596" y="141233"/>
          <a:ext cx="4343202" cy="2757933"/>
        </a:xfrm>
        <a:prstGeom prst="roundRect">
          <a:avLst>
            <a:gd name="adj" fmla="val 10000"/>
          </a:avLst>
        </a:prstGeom>
        <a:solidFill>
          <a:srgbClr val="B9D99A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CCF97B5-5D1E-424E-8009-A01C861B6B0F}">
      <dsp:nvSpPr>
        <dsp:cNvPr id="0" name=""/>
        <dsp:cNvSpPr/>
      </dsp:nvSpPr>
      <dsp:spPr>
        <a:xfrm>
          <a:off x="5792174" y="599682"/>
          <a:ext cx="4343202" cy="2757933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567F43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800" kern="1200" baseline="0" dirty="0">
              <a:latin typeface="Calibri" panose="020F0502020204030204" pitchFamily="34" charset="0"/>
              <a:cs typeface="Calibri" panose="020F0502020204030204" pitchFamily="34" charset="0"/>
            </a:rPr>
            <a:t>Kristine Paaske Rasmussen, Sygeplejerske på L13 og lungeambulatoriet. Lunge- og infektionsmedicinsk afdeling. Bispebjerg hospital </a:t>
          </a:r>
          <a:endParaRPr lang="en-US" sz="28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5872951" y="680459"/>
        <a:ext cx="4181648" cy="2596379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899FC1-A771-479C-9266-4E9A47F29177}">
      <dsp:nvSpPr>
        <dsp:cNvPr id="0" name=""/>
        <dsp:cNvSpPr/>
      </dsp:nvSpPr>
      <dsp:spPr>
        <a:xfrm>
          <a:off x="2523160" y="2356552"/>
          <a:ext cx="1866447" cy="1866447"/>
        </a:xfrm>
        <a:prstGeom prst="ellipse">
          <a:avLst/>
        </a:prstGeom>
        <a:solidFill>
          <a:srgbClr val="9DCA70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Væske</a:t>
          </a:r>
        </a:p>
        <a:p>
          <a:pPr marL="0" lvl="0" indent="0" algn="ctr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≥ 500 ml  </a:t>
          </a:r>
        </a:p>
      </dsp:txBody>
      <dsp:txXfrm>
        <a:off x="2796495" y="2629887"/>
        <a:ext cx="1319777" cy="1319777"/>
      </dsp:txXfrm>
    </dsp:sp>
    <dsp:sp modelId="{6E00CFBA-21F1-46A6-8C65-BB6D64474684}">
      <dsp:nvSpPr>
        <dsp:cNvPr id="0" name=""/>
        <dsp:cNvSpPr/>
      </dsp:nvSpPr>
      <dsp:spPr>
        <a:xfrm rot="12900000">
          <a:off x="1204132" y="1990909"/>
          <a:ext cx="1554241" cy="531937"/>
        </a:xfrm>
        <a:prstGeom prst="leftArrow">
          <a:avLst>
            <a:gd name="adj1" fmla="val 60000"/>
            <a:gd name="adj2" fmla="val 50000"/>
          </a:avLst>
        </a:prstGeom>
        <a:solidFill>
          <a:srgbClr val="567F43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47771CC6-26B4-46E9-B3E6-B55D34768303}">
      <dsp:nvSpPr>
        <dsp:cNvPr id="0" name=""/>
        <dsp:cNvSpPr/>
      </dsp:nvSpPr>
      <dsp:spPr>
        <a:xfrm>
          <a:off x="458110" y="1101889"/>
          <a:ext cx="1773125" cy="1418500"/>
        </a:xfrm>
        <a:prstGeom prst="roundRect">
          <a:avLst>
            <a:gd name="adj" fmla="val 10000"/>
          </a:avLst>
        </a:prstGeom>
        <a:solidFill>
          <a:srgbClr val="9DCA70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leuravæske</a:t>
          </a:r>
        </a:p>
      </dsp:txBody>
      <dsp:txXfrm>
        <a:off x="499656" y="1143435"/>
        <a:ext cx="1690033" cy="1335408"/>
      </dsp:txXfrm>
    </dsp:sp>
    <dsp:sp modelId="{5BDD7D26-82FA-4FD9-BDF4-5D1CBD180FF0}">
      <dsp:nvSpPr>
        <dsp:cNvPr id="0" name=""/>
        <dsp:cNvSpPr/>
      </dsp:nvSpPr>
      <dsp:spPr>
        <a:xfrm rot="16200000">
          <a:off x="2679263" y="1223004"/>
          <a:ext cx="1554241" cy="531937"/>
        </a:xfrm>
        <a:prstGeom prst="leftArrow">
          <a:avLst>
            <a:gd name="adj1" fmla="val 60000"/>
            <a:gd name="adj2" fmla="val 50000"/>
          </a:avLst>
        </a:prstGeom>
        <a:solidFill>
          <a:srgbClr val="567F43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9EBBB918-4BEF-47E4-A3B5-429B8FA19D80}">
      <dsp:nvSpPr>
        <dsp:cNvPr id="0" name=""/>
        <dsp:cNvSpPr/>
      </dsp:nvSpPr>
      <dsp:spPr>
        <a:xfrm>
          <a:off x="2569821" y="2602"/>
          <a:ext cx="1773125" cy="1418500"/>
        </a:xfrm>
        <a:prstGeom prst="roundRect">
          <a:avLst>
            <a:gd name="adj" fmla="val 10000"/>
          </a:avLst>
        </a:prstGeom>
        <a:solidFill>
          <a:srgbClr val="9DCA70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 err="1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Empyem</a:t>
          </a:r>
          <a:endParaRPr lang="da-DK" sz="2000" kern="1200" dirty="0"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2611367" y="44148"/>
        <a:ext cx="1690033" cy="1335408"/>
      </dsp:txXfrm>
    </dsp:sp>
    <dsp:sp modelId="{7E4F04EA-7B50-4D07-A449-E0693ABA16C6}">
      <dsp:nvSpPr>
        <dsp:cNvPr id="0" name=""/>
        <dsp:cNvSpPr/>
      </dsp:nvSpPr>
      <dsp:spPr>
        <a:xfrm rot="19500000">
          <a:off x="4154395" y="1990909"/>
          <a:ext cx="1554241" cy="531937"/>
        </a:xfrm>
        <a:prstGeom prst="leftArrow">
          <a:avLst>
            <a:gd name="adj1" fmla="val 60000"/>
            <a:gd name="adj2" fmla="val 50000"/>
          </a:avLst>
        </a:prstGeom>
        <a:solidFill>
          <a:srgbClr val="567F43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40A0D690-5CF9-45B0-A2DC-6520A08FE479}">
      <dsp:nvSpPr>
        <dsp:cNvPr id="0" name=""/>
        <dsp:cNvSpPr/>
      </dsp:nvSpPr>
      <dsp:spPr>
        <a:xfrm>
          <a:off x="4681533" y="1101889"/>
          <a:ext cx="1773125" cy="1418500"/>
        </a:xfrm>
        <a:prstGeom prst="roundRect">
          <a:avLst>
            <a:gd name="adj" fmla="val 10000"/>
          </a:avLst>
        </a:prstGeom>
        <a:solidFill>
          <a:srgbClr val="9DCA70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 err="1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Hæmothorax</a:t>
          </a:r>
          <a:endParaRPr lang="da-DK" sz="2000" kern="1200" dirty="0"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4723079" y="1143435"/>
        <a:ext cx="1690033" cy="1335408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899FC1-A771-479C-9266-4E9A47F29177}">
      <dsp:nvSpPr>
        <dsp:cNvPr id="0" name=""/>
        <dsp:cNvSpPr/>
      </dsp:nvSpPr>
      <dsp:spPr>
        <a:xfrm>
          <a:off x="2040905" y="2498383"/>
          <a:ext cx="1822845" cy="1765698"/>
        </a:xfrm>
        <a:prstGeom prst="ellipse">
          <a:avLst/>
        </a:prstGeom>
        <a:solidFill>
          <a:srgbClr val="9DCA70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Luftlomme</a:t>
          </a:r>
          <a:r>
            <a:rPr lang="da-DK" sz="2200" kern="1200" dirty="0"/>
            <a:t> </a:t>
          </a:r>
          <a:r>
            <a:rPr lang="da-DK" sz="2000" kern="12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≥ 3 cm  </a:t>
          </a:r>
        </a:p>
      </dsp:txBody>
      <dsp:txXfrm>
        <a:off x="2307854" y="2756963"/>
        <a:ext cx="1288947" cy="1248538"/>
      </dsp:txXfrm>
    </dsp:sp>
    <dsp:sp modelId="{6E00CFBA-21F1-46A6-8C65-BB6D64474684}">
      <dsp:nvSpPr>
        <dsp:cNvPr id="0" name=""/>
        <dsp:cNvSpPr/>
      </dsp:nvSpPr>
      <dsp:spPr>
        <a:xfrm rot="16178400">
          <a:off x="2159463" y="1302420"/>
          <a:ext cx="1563667" cy="646310"/>
        </a:xfrm>
        <a:prstGeom prst="leftArrow">
          <a:avLst>
            <a:gd name="adj1" fmla="val 60000"/>
            <a:gd name="adj2" fmla="val 50000"/>
          </a:avLst>
        </a:prstGeom>
        <a:solidFill>
          <a:srgbClr val="567F43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47771CC6-26B4-46E9-B3E6-B55D34768303}">
      <dsp:nvSpPr>
        <dsp:cNvPr id="0" name=""/>
        <dsp:cNvSpPr/>
      </dsp:nvSpPr>
      <dsp:spPr>
        <a:xfrm>
          <a:off x="1887648" y="278960"/>
          <a:ext cx="2097472" cy="1129596"/>
        </a:xfrm>
        <a:prstGeom prst="roundRect">
          <a:avLst>
            <a:gd name="adj" fmla="val 10000"/>
          </a:avLst>
        </a:prstGeom>
        <a:solidFill>
          <a:srgbClr val="9DCA70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neumothorax</a:t>
          </a:r>
        </a:p>
      </dsp:txBody>
      <dsp:txXfrm>
        <a:off x="1920733" y="312045"/>
        <a:ext cx="2031302" cy="1063426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A793E1E-F135-4AFC-807D-0EA50F6FECE1}">
      <dsp:nvSpPr>
        <dsp:cNvPr id="0" name=""/>
        <dsp:cNvSpPr/>
      </dsp:nvSpPr>
      <dsp:spPr>
        <a:xfrm>
          <a:off x="0" y="953353"/>
          <a:ext cx="3088499" cy="489600"/>
        </a:xfrm>
        <a:prstGeom prst="rect">
          <a:avLst/>
        </a:prstGeom>
        <a:solidFill>
          <a:srgbClr val="9DCA70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0904" tIns="69088" rIns="120904" bIns="69088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700" b="1" kern="1200" dirty="0">
              <a:solidFill>
                <a:srgbClr val="567F43"/>
              </a:solidFill>
              <a:latin typeface="Calibri" panose="020F0502020204030204" pitchFamily="34" charset="0"/>
              <a:cs typeface="Calibri" panose="020F0502020204030204" pitchFamily="34" charset="0"/>
            </a:rPr>
            <a:t>Pigtailkateter/Grisehalekateter</a:t>
          </a:r>
          <a:endParaRPr lang="en-US" sz="1700" b="1" kern="1200" dirty="0">
            <a:solidFill>
              <a:srgbClr val="567F43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0" y="953353"/>
        <a:ext cx="3088499" cy="489600"/>
      </dsp:txXfrm>
    </dsp:sp>
    <dsp:sp modelId="{39DAB978-EDEE-4CFF-8C7C-5DADA3EE18DD}">
      <dsp:nvSpPr>
        <dsp:cNvPr id="0" name=""/>
        <dsp:cNvSpPr/>
      </dsp:nvSpPr>
      <dsp:spPr>
        <a:xfrm>
          <a:off x="3167" y="1397058"/>
          <a:ext cx="3088499" cy="1194332"/>
        </a:xfrm>
        <a:prstGeom prst="rect">
          <a:avLst/>
        </a:prstGeom>
        <a:solidFill>
          <a:srgbClr val="B9D99A">
            <a:alpha val="90000"/>
          </a:srgbClr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0678" tIns="90678" rIns="120904" bIns="136017" numCol="1" spcCol="1270" anchor="t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700" kern="1200" dirty="0">
              <a:latin typeface="Calibri" panose="020F0502020204030204" pitchFamily="34" charset="0"/>
              <a:cs typeface="Calibri" panose="020F0502020204030204" pitchFamily="34" charset="0"/>
            </a:rPr>
            <a:t>Pleuravæske og empyem </a:t>
          </a:r>
          <a:endParaRPr lang="en-US" sz="1700" kern="1200" dirty="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700" kern="1200" dirty="0">
              <a:latin typeface="Calibri" panose="020F0502020204030204" pitchFamily="34" charset="0"/>
              <a:cs typeface="Calibri" panose="020F0502020204030204" pitchFamily="34" charset="0"/>
            </a:rPr>
            <a:t>Iatrogen og spontan pneumothorax </a:t>
          </a:r>
          <a:endParaRPr lang="en-US" sz="17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3167" y="1397058"/>
        <a:ext cx="3088499" cy="1194332"/>
      </dsp:txXfrm>
    </dsp:sp>
    <dsp:sp modelId="{02C1E6D1-577E-49B7-B365-329039C3ADF8}">
      <dsp:nvSpPr>
        <dsp:cNvPr id="0" name=""/>
        <dsp:cNvSpPr/>
      </dsp:nvSpPr>
      <dsp:spPr>
        <a:xfrm>
          <a:off x="3520876" y="953353"/>
          <a:ext cx="3088499" cy="489600"/>
        </a:xfrm>
        <a:prstGeom prst="rect">
          <a:avLst/>
        </a:prstGeom>
        <a:solidFill>
          <a:srgbClr val="9DCA70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0904" tIns="69088" rIns="120904" bIns="69088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700" b="1" kern="1200" dirty="0">
              <a:solidFill>
                <a:srgbClr val="567F43"/>
              </a:solidFill>
              <a:latin typeface="Calibri" panose="020F0502020204030204" pitchFamily="34" charset="0"/>
              <a:cs typeface="Calibri" panose="020F0502020204030204" pitchFamily="34" charset="0"/>
            </a:rPr>
            <a:t>Kirurgiske dræn</a:t>
          </a:r>
          <a:endParaRPr lang="en-US" sz="1700" b="1" kern="1200" dirty="0">
            <a:solidFill>
              <a:srgbClr val="567F43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3520876" y="953353"/>
        <a:ext cx="3088499" cy="489600"/>
      </dsp:txXfrm>
    </dsp:sp>
    <dsp:sp modelId="{54DC181A-45AF-4744-86CF-F7CF024AA138}">
      <dsp:nvSpPr>
        <dsp:cNvPr id="0" name=""/>
        <dsp:cNvSpPr/>
      </dsp:nvSpPr>
      <dsp:spPr>
        <a:xfrm>
          <a:off x="3524057" y="1397058"/>
          <a:ext cx="3088499" cy="1194332"/>
        </a:xfrm>
        <a:prstGeom prst="rect">
          <a:avLst/>
        </a:prstGeom>
        <a:solidFill>
          <a:srgbClr val="B9D99A">
            <a:alpha val="90000"/>
          </a:srgbClr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0678" tIns="90678" rIns="120904" bIns="136017" numCol="1" spcCol="1270" anchor="t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700" b="0" i="0" kern="1200" dirty="0">
              <a:latin typeface="Calibri" panose="020F0502020204030204" pitchFamily="34" charset="0"/>
              <a:cs typeface="Calibri" panose="020F0502020204030204" pitchFamily="34" charset="0"/>
            </a:rPr>
            <a:t>Manglende klinisk fremgang eller inficerede pleuralommer som ligger utilgængeligt for pleuradrænage</a:t>
          </a:r>
          <a:endParaRPr lang="en-US" sz="17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3524057" y="1397058"/>
        <a:ext cx="3088499" cy="1194332"/>
      </dsp:txXfrm>
    </dsp:sp>
    <dsp:sp modelId="{8B294E31-D769-4293-A3EB-2337D70994EE}">
      <dsp:nvSpPr>
        <dsp:cNvPr id="0" name=""/>
        <dsp:cNvSpPr/>
      </dsp:nvSpPr>
      <dsp:spPr>
        <a:xfrm>
          <a:off x="7041765" y="953353"/>
          <a:ext cx="3088499" cy="489600"/>
        </a:xfrm>
        <a:prstGeom prst="rect">
          <a:avLst/>
        </a:prstGeom>
        <a:solidFill>
          <a:srgbClr val="9DCA70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0904" tIns="69088" rIns="120904" bIns="69088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700" b="1" kern="1200" dirty="0">
              <a:solidFill>
                <a:srgbClr val="567F43"/>
              </a:solidFill>
              <a:latin typeface="Calibri" panose="020F0502020204030204" pitchFamily="34" charset="0"/>
              <a:cs typeface="Calibri" panose="020F0502020204030204" pitchFamily="34" charset="0"/>
            </a:rPr>
            <a:t>Permanente dræn</a:t>
          </a:r>
          <a:endParaRPr lang="en-US" sz="1700" b="1" kern="1200" dirty="0">
            <a:solidFill>
              <a:srgbClr val="567F43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7041765" y="953353"/>
        <a:ext cx="3088499" cy="489600"/>
      </dsp:txXfrm>
    </dsp:sp>
    <dsp:sp modelId="{5AE9DA9B-FD2D-4794-B4DC-6FDD6678867A}">
      <dsp:nvSpPr>
        <dsp:cNvPr id="0" name=""/>
        <dsp:cNvSpPr/>
      </dsp:nvSpPr>
      <dsp:spPr>
        <a:xfrm>
          <a:off x="7044946" y="1397058"/>
          <a:ext cx="3088499" cy="1194332"/>
        </a:xfrm>
        <a:prstGeom prst="rect">
          <a:avLst/>
        </a:prstGeom>
        <a:solidFill>
          <a:srgbClr val="B9D99A">
            <a:alpha val="90000"/>
          </a:srgbClr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0678" tIns="90678" rIns="120904" bIns="136017" numCol="1" spcCol="1270" anchor="t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700" b="0" i="0" kern="1200" dirty="0">
              <a:latin typeface="Calibri" panose="020F0502020204030204" pitchFamily="34" charset="0"/>
              <a:cs typeface="Calibri" panose="020F0502020204030204" pitchFamily="34" charset="0"/>
            </a:rPr>
            <a:t>Færdigudredte patienter med tilbagevendende pleuraeffusion</a:t>
          </a:r>
          <a:endParaRPr lang="en-US" sz="17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7044946" y="1397058"/>
        <a:ext cx="3088499" cy="1194332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04AAE1B-6CB3-4085-AD1F-A93EC8BB19DD}">
      <dsp:nvSpPr>
        <dsp:cNvPr id="0" name=""/>
        <dsp:cNvSpPr/>
      </dsp:nvSpPr>
      <dsp:spPr>
        <a:xfrm>
          <a:off x="0" y="0"/>
          <a:ext cx="8109291" cy="769747"/>
        </a:xfrm>
        <a:prstGeom prst="roundRect">
          <a:avLst>
            <a:gd name="adj" fmla="val 10000"/>
          </a:avLst>
        </a:prstGeom>
        <a:solidFill>
          <a:srgbClr val="9DCA7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igtailkateter tilkobles drænpose med </a:t>
          </a:r>
          <a:r>
            <a:rPr lang="da-DK" sz="2000" kern="120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Heimlichs</a:t>
          </a: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-ventil 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22545" y="22545"/>
        <a:ext cx="7213630" cy="724657"/>
      </dsp:txXfrm>
    </dsp:sp>
    <dsp:sp modelId="{02DC3469-583A-47B9-AF6A-51BE998BF006}">
      <dsp:nvSpPr>
        <dsp:cNvPr id="0" name=""/>
        <dsp:cNvSpPr/>
      </dsp:nvSpPr>
      <dsp:spPr>
        <a:xfrm>
          <a:off x="679153" y="909701"/>
          <a:ext cx="8109291" cy="769747"/>
        </a:xfrm>
        <a:prstGeom prst="roundRect">
          <a:avLst>
            <a:gd name="adj" fmla="val 10000"/>
          </a:avLst>
        </a:prstGeom>
        <a:solidFill>
          <a:srgbClr val="9DCA7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Drænet skylles med minimum 20 ml NaCl 2-3 gange dgl. For at sikre åbenstående dræn 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701698" y="932246"/>
        <a:ext cx="6884712" cy="724657"/>
      </dsp:txXfrm>
    </dsp:sp>
    <dsp:sp modelId="{3457F1DB-6C25-4FB3-89BE-6F772460569D}">
      <dsp:nvSpPr>
        <dsp:cNvPr id="0" name=""/>
        <dsp:cNvSpPr/>
      </dsp:nvSpPr>
      <dsp:spPr>
        <a:xfrm>
          <a:off x="1348169" y="1819402"/>
          <a:ext cx="8109291" cy="769747"/>
        </a:xfrm>
        <a:prstGeom prst="roundRect">
          <a:avLst>
            <a:gd name="adj" fmla="val 10000"/>
          </a:avLst>
        </a:prstGeom>
        <a:solidFill>
          <a:srgbClr val="9DCA7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Som udgangspunkt ved empyem opstartes </a:t>
          </a:r>
          <a:r>
            <a:rPr lang="da-DK" sz="2000" b="0" i="0" kern="1200" baseline="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intrapleural</a:t>
          </a:r>
          <a:r>
            <a:rPr lang="da-DK" sz="2000" b="0" i="0" kern="1200" baseline="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behandling som virker </a:t>
          </a:r>
          <a:r>
            <a:rPr lang="da-DK" sz="2000" b="0" i="0" kern="1200" baseline="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fibrinopløsende</a:t>
          </a:r>
          <a:r>
            <a:rPr lang="da-DK" sz="2000" b="0" i="0" kern="1200" baseline="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efter ordination fra læge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1370714" y="1841947"/>
        <a:ext cx="6894849" cy="724657"/>
      </dsp:txXfrm>
    </dsp:sp>
    <dsp:sp modelId="{6E1ABAE1-2C91-480B-960D-3CD407167E46}">
      <dsp:nvSpPr>
        <dsp:cNvPr id="0" name=""/>
        <dsp:cNvSpPr/>
      </dsp:nvSpPr>
      <dsp:spPr>
        <a:xfrm>
          <a:off x="2027322" y="2729102"/>
          <a:ext cx="8109291" cy="769747"/>
        </a:xfrm>
        <a:prstGeom prst="roundRect">
          <a:avLst>
            <a:gd name="adj" fmla="val 10000"/>
          </a:avLst>
        </a:prstGeom>
        <a:solidFill>
          <a:srgbClr val="9DCA7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Hvis ikke der findes indikation eller det er en kontraindikation opstartes stort skyl (250 ml x 3 dagligt) 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2049867" y="2751647"/>
        <a:ext cx="6884712" cy="724657"/>
      </dsp:txXfrm>
    </dsp:sp>
    <dsp:sp modelId="{A78D04A0-2D8D-4EAA-A03D-EE7D87833DF4}">
      <dsp:nvSpPr>
        <dsp:cNvPr id="0" name=""/>
        <dsp:cNvSpPr/>
      </dsp:nvSpPr>
      <dsp:spPr>
        <a:xfrm>
          <a:off x="7608955" y="589556"/>
          <a:ext cx="500335" cy="500335"/>
        </a:xfrm>
        <a:prstGeom prst="downArrow">
          <a:avLst>
            <a:gd name="adj1" fmla="val 55000"/>
            <a:gd name="adj2" fmla="val 45000"/>
          </a:avLst>
        </a:prstGeom>
        <a:solidFill>
          <a:srgbClr val="567F43">
            <a:alpha val="90000"/>
          </a:srgbClr>
        </a:solidFill>
        <a:ln w="25400" cap="flat" cmpd="sng" algn="ctr">
          <a:solidFill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400" kern="1200"/>
        </a:p>
      </dsp:txBody>
      <dsp:txXfrm>
        <a:off x="7721530" y="589556"/>
        <a:ext cx="275185" cy="376502"/>
      </dsp:txXfrm>
    </dsp:sp>
    <dsp:sp modelId="{D9E1D07F-3FF3-4693-9417-8D5939AC807C}">
      <dsp:nvSpPr>
        <dsp:cNvPr id="0" name=""/>
        <dsp:cNvSpPr/>
      </dsp:nvSpPr>
      <dsp:spPr>
        <a:xfrm>
          <a:off x="8288108" y="1499257"/>
          <a:ext cx="500335" cy="500335"/>
        </a:xfrm>
        <a:prstGeom prst="downArrow">
          <a:avLst>
            <a:gd name="adj1" fmla="val 55000"/>
            <a:gd name="adj2" fmla="val 45000"/>
          </a:avLst>
        </a:prstGeom>
        <a:solidFill>
          <a:srgbClr val="567F43">
            <a:alpha val="90000"/>
          </a:srgbClr>
        </a:solidFill>
        <a:ln w="25400" cap="flat" cmpd="sng" algn="ctr">
          <a:solidFill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400" kern="1200"/>
        </a:p>
      </dsp:txBody>
      <dsp:txXfrm>
        <a:off x="8400683" y="1499257"/>
        <a:ext cx="275185" cy="376502"/>
      </dsp:txXfrm>
    </dsp:sp>
    <dsp:sp modelId="{D71914DD-1AAB-4D8D-B2A7-D466CFA2A5FF}">
      <dsp:nvSpPr>
        <dsp:cNvPr id="0" name=""/>
        <dsp:cNvSpPr/>
      </dsp:nvSpPr>
      <dsp:spPr>
        <a:xfrm>
          <a:off x="8957125" y="2408958"/>
          <a:ext cx="500335" cy="500335"/>
        </a:xfrm>
        <a:prstGeom prst="downArrow">
          <a:avLst>
            <a:gd name="adj1" fmla="val 55000"/>
            <a:gd name="adj2" fmla="val 45000"/>
          </a:avLst>
        </a:prstGeom>
        <a:solidFill>
          <a:srgbClr val="567F43">
            <a:alpha val="90000"/>
          </a:srgbClr>
        </a:solidFill>
        <a:ln w="25400" cap="flat" cmpd="sng" algn="ctr">
          <a:solidFill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400" kern="1200"/>
        </a:p>
      </dsp:txBody>
      <dsp:txXfrm>
        <a:off x="9069700" y="2408958"/>
        <a:ext cx="275185" cy="376502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2309635-06DD-4888-BD90-FCC6B849598F}">
      <dsp:nvSpPr>
        <dsp:cNvPr id="0" name=""/>
        <dsp:cNvSpPr/>
      </dsp:nvSpPr>
      <dsp:spPr>
        <a:xfrm>
          <a:off x="0" y="799117"/>
          <a:ext cx="3167691" cy="1900615"/>
        </a:xfrm>
        <a:prstGeom prst="rect">
          <a:avLst/>
        </a:prstGeom>
        <a:solidFill>
          <a:srgbClr val="9DCA7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Klinisk og </a:t>
          </a:r>
          <a:r>
            <a:rPr lang="da-DK" sz="2000" kern="120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araklinisk</a:t>
          </a: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bedring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0" y="799117"/>
        <a:ext cx="3167691" cy="1900615"/>
      </dsp:txXfrm>
    </dsp:sp>
    <dsp:sp modelId="{735139DC-CA73-4A0A-8CB4-29BC2590BA94}">
      <dsp:nvSpPr>
        <dsp:cNvPr id="0" name=""/>
        <dsp:cNvSpPr/>
      </dsp:nvSpPr>
      <dsp:spPr>
        <a:xfrm>
          <a:off x="3484461" y="799117"/>
          <a:ext cx="3167691" cy="1900615"/>
        </a:xfrm>
        <a:prstGeom prst="rect">
          <a:avLst/>
        </a:prstGeom>
        <a:solidFill>
          <a:srgbClr val="9DCA7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Billeddiagnostik uden betydelig </a:t>
          </a:r>
          <a:r>
            <a:rPr lang="da-DK" sz="2000" kern="120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resteffusion</a:t>
          </a: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og klar skyllevæske uden pus med minimal </a:t>
          </a:r>
          <a:r>
            <a:rPr lang="da-DK" sz="2000" kern="120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fibrindannelse</a:t>
          </a: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3484461" y="799117"/>
        <a:ext cx="3167691" cy="1900615"/>
      </dsp:txXfrm>
    </dsp:sp>
    <dsp:sp modelId="{12421E62-A410-41CF-B6B0-4B58993CDBDF}">
      <dsp:nvSpPr>
        <dsp:cNvPr id="0" name=""/>
        <dsp:cNvSpPr/>
      </dsp:nvSpPr>
      <dsp:spPr>
        <a:xfrm>
          <a:off x="6968922" y="799117"/>
          <a:ext cx="3167691" cy="1900615"/>
        </a:xfrm>
        <a:prstGeom prst="rect">
          <a:avLst/>
        </a:prstGeom>
        <a:solidFill>
          <a:srgbClr val="9DCA7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roduktion &lt;200 ml pr. døgn 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6968922" y="799117"/>
        <a:ext cx="3167691" cy="1900615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2309635-06DD-4888-BD90-FCC6B849598F}">
      <dsp:nvSpPr>
        <dsp:cNvPr id="0" name=""/>
        <dsp:cNvSpPr/>
      </dsp:nvSpPr>
      <dsp:spPr>
        <a:xfrm>
          <a:off x="0" y="799117"/>
          <a:ext cx="3167691" cy="1900615"/>
        </a:xfrm>
        <a:prstGeom prst="rect">
          <a:avLst/>
        </a:prstGeom>
        <a:solidFill>
          <a:srgbClr val="9DCA7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Hvis drænet ikke forsat `lufter`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0" y="799117"/>
        <a:ext cx="3167691" cy="1900615"/>
      </dsp:txXfrm>
    </dsp:sp>
    <dsp:sp modelId="{735139DC-CA73-4A0A-8CB4-29BC2590BA94}">
      <dsp:nvSpPr>
        <dsp:cNvPr id="0" name=""/>
        <dsp:cNvSpPr/>
      </dsp:nvSpPr>
      <dsp:spPr>
        <a:xfrm>
          <a:off x="3484461" y="799117"/>
          <a:ext cx="3167691" cy="1900615"/>
        </a:xfrm>
        <a:prstGeom prst="rect">
          <a:avLst/>
        </a:prstGeom>
        <a:solidFill>
          <a:srgbClr val="9DCA7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Der anbefales at drænet minimum ikke skal have luftet i 24 timer for at forebygge recidiv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3484461" y="799117"/>
        <a:ext cx="3167691" cy="1900615"/>
      </dsp:txXfrm>
    </dsp:sp>
    <dsp:sp modelId="{12421E62-A410-41CF-B6B0-4B58993CDBDF}">
      <dsp:nvSpPr>
        <dsp:cNvPr id="0" name=""/>
        <dsp:cNvSpPr/>
      </dsp:nvSpPr>
      <dsp:spPr>
        <a:xfrm>
          <a:off x="6968922" y="813619"/>
          <a:ext cx="3167691" cy="1900615"/>
        </a:xfrm>
        <a:prstGeom prst="rect">
          <a:avLst/>
        </a:prstGeom>
        <a:solidFill>
          <a:srgbClr val="9DCA7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Røntgenbillede med udfoldet lunge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6968922" y="813619"/>
        <a:ext cx="3167691" cy="1900615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5DB60F7-60B8-4719-9520-601E2A08AAAE}">
      <dsp:nvSpPr>
        <dsp:cNvPr id="0" name=""/>
        <dsp:cNvSpPr/>
      </dsp:nvSpPr>
      <dsp:spPr>
        <a:xfrm>
          <a:off x="4314104" y="2061"/>
          <a:ext cx="4853367" cy="901240"/>
        </a:xfrm>
        <a:prstGeom prst="roundRect">
          <a:avLst/>
        </a:prstGeom>
        <a:solidFill>
          <a:srgbClr val="9DCA70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b="0" i="0" kern="120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Pleuradræn</a:t>
          </a:r>
          <a:r>
            <a:rPr lang="da-DK" sz="2000" b="0" i="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 er oftest smertefulde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4358099" y="46056"/>
        <a:ext cx="4765377" cy="813250"/>
      </dsp:txXfrm>
    </dsp:sp>
    <dsp:sp modelId="{DB016F5E-9DB5-4D05-B325-740D348AF7CC}">
      <dsp:nvSpPr>
        <dsp:cNvPr id="0" name=""/>
        <dsp:cNvSpPr/>
      </dsp:nvSpPr>
      <dsp:spPr>
        <a:xfrm>
          <a:off x="4314104" y="948363"/>
          <a:ext cx="4853367" cy="901240"/>
        </a:xfrm>
        <a:prstGeom prst="roundRect">
          <a:avLst/>
        </a:prstGeom>
        <a:solidFill>
          <a:srgbClr val="9DCA70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Sygeplejerskens opgave at sikre at patient er sufficient smertedækket 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4358099" y="992358"/>
        <a:ext cx="4765377" cy="813250"/>
      </dsp:txXfrm>
    </dsp:sp>
    <dsp:sp modelId="{4706DB66-B8B7-458E-B349-9D16019578D8}">
      <dsp:nvSpPr>
        <dsp:cNvPr id="0" name=""/>
        <dsp:cNvSpPr/>
      </dsp:nvSpPr>
      <dsp:spPr>
        <a:xfrm>
          <a:off x="4314104" y="1894666"/>
          <a:ext cx="4853367" cy="901240"/>
        </a:xfrm>
        <a:prstGeom prst="roundRect">
          <a:avLst/>
        </a:prstGeom>
        <a:solidFill>
          <a:srgbClr val="9DCA70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b="0" i="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Der anbefales fast paracetamol kombineret med NSAID. Der kan suppleres med </a:t>
          </a:r>
          <a:r>
            <a:rPr lang="da-DK" sz="2000" b="0" i="0" kern="1200" dirty="0" err="1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morfika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4358099" y="1938661"/>
        <a:ext cx="4765377" cy="813250"/>
      </dsp:txXfrm>
    </dsp:sp>
    <dsp:sp modelId="{4E71EBC3-E0C6-4793-85AD-01E8582D0148}">
      <dsp:nvSpPr>
        <dsp:cNvPr id="0" name=""/>
        <dsp:cNvSpPr/>
      </dsp:nvSpPr>
      <dsp:spPr>
        <a:xfrm>
          <a:off x="4314104" y="2840969"/>
          <a:ext cx="4853367" cy="901240"/>
        </a:xfrm>
        <a:prstGeom prst="roundRect">
          <a:avLst/>
        </a:prstGeom>
        <a:solidFill>
          <a:srgbClr val="9DCA70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Det er vigtigt at sikre patienten mobiliseres 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4358099" y="2884964"/>
        <a:ext cx="4765377" cy="813250"/>
      </dsp:txXfrm>
    </dsp:sp>
    <dsp:sp modelId="{08B2EC41-C415-46D4-B090-63761C0366B0}">
      <dsp:nvSpPr>
        <dsp:cNvPr id="0" name=""/>
        <dsp:cNvSpPr/>
      </dsp:nvSpPr>
      <dsp:spPr>
        <a:xfrm>
          <a:off x="4314104" y="3787272"/>
          <a:ext cx="4853367" cy="901240"/>
        </a:xfrm>
        <a:prstGeom prst="roundRect">
          <a:avLst/>
        </a:prstGeom>
        <a:solidFill>
          <a:srgbClr val="9DCA70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Medvirker desuden til at udtømme luft og væskelommer samt sikre udfoldelse og forebygge pneumoni 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4358099" y="3831267"/>
        <a:ext cx="4765377" cy="813250"/>
      </dsp:txXfrm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C0C32F3-2C48-49B3-98D3-AC7FDAC6C98A}">
      <dsp:nvSpPr>
        <dsp:cNvPr id="0" name=""/>
        <dsp:cNvSpPr/>
      </dsp:nvSpPr>
      <dsp:spPr>
        <a:xfrm>
          <a:off x="2957401" y="158"/>
          <a:ext cx="6277195" cy="797570"/>
        </a:xfrm>
        <a:prstGeom prst="roundRect">
          <a:avLst/>
        </a:prstGeom>
        <a:solidFill>
          <a:srgbClr val="9DCA70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Ved store dræn eller gabende sår kan der med fordel sættes en enkelt sutur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2996335" y="39092"/>
        <a:ext cx="6199327" cy="719702"/>
      </dsp:txXfrm>
    </dsp:sp>
    <dsp:sp modelId="{3F6AAFE1-F473-4D54-A25D-FA8B75404F73}">
      <dsp:nvSpPr>
        <dsp:cNvPr id="0" name=""/>
        <dsp:cNvSpPr/>
      </dsp:nvSpPr>
      <dsp:spPr>
        <a:xfrm>
          <a:off x="2957401" y="799723"/>
          <a:ext cx="6277195" cy="797570"/>
        </a:xfrm>
        <a:prstGeom prst="roundRect">
          <a:avLst/>
        </a:prstGeom>
        <a:solidFill>
          <a:srgbClr val="9DCA70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Fjern forbinding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2996335" y="838657"/>
        <a:ext cx="6199327" cy="719702"/>
      </dsp:txXfrm>
    </dsp:sp>
    <dsp:sp modelId="{A2CE7F47-FEAF-4FDD-BE1F-C0922D702B39}">
      <dsp:nvSpPr>
        <dsp:cNvPr id="0" name=""/>
        <dsp:cNvSpPr/>
      </dsp:nvSpPr>
      <dsp:spPr>
        <a:xfrm>
          <a:off x="2957401" y="1599287"/>
          <a:ext cx="6277195" cy="797570"/>
        </a:xfrm>
        <a:prstGeom prst="roundRect">
          <a:avLst/>
        </a:prstGeom>
        <a:solidFill>
          <a:srgbClr val="9DCA70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Løs eventuelle suturer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2996335" y="1638221"/>
        <a:ext cx="6199327" cy="719702"/>
      </dsp:txXfrm>
    </dsp:sp>
    <dsp:sp modelId="{16EF7C25-65F7-4989-835C-A6B25F2089CC}">
      <dsp:nvSpPr>
        <dsp:cNvPr id="0" name=""/>
        <dsp:cNvSpPr/>
      </dsp:nvSpPr>
      <dsp:spPr>
        <a:xfrm>
          <a:off x="2957401" y="2398852"/>
          <a:ext cx="6277195" cy="797570"/>
        </a:xfrm>
        <a:prstGeom prst="roundRect">
          <a:avLst/>
        </a:prstGeom>
        <a:solidFill>
          <a:srgbClr val="9DCA70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Instruer patienten i at holde vejret efter dyb inspiration, hvorefter drænet trækkes ud og det lufttæt plaster placeres over indstiksstedet</a:t>
          </a:r>
          <a:endParaRPr lang="en-US" sz="18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2996335" y="2437786"/>
        <a:ext cx="6199327" cy="719702"/>
      </dsp:txXfrm>
    </dsp:sp>
    <dsp:sp modelId="{D6C9B768-7B64-41D7-ADD1-3A448898F792}">
      <dsp:nvSpPr>
        <dsp:cNvPr id="0" name=""/>
        <dsp:cNvSpPr/>
      </dsp:nvSpPr>
      <dsp:spPr>
        <a:xfrm>
          <a:off x="2957401" y="3198416"/>
          <a:ext cx="6277195" cy="797570"/>
        </a:xfrm>
        <a:prstGeom prst="roundRect">
          <a:avLst/>
        </a:prstGeom>
        <a:solidFill>
          <a:srgbClr val="9DCA70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rPr>
            <a:t>Ved store dræn eller gabende sår kan der med fordel sættes en enkelt sutur </a:t>
          </a:r>
          <a:endParaRPr lang="en-US" sz="2000" kern="1200" dirty="0">
            <a:solidFill>
              <a:schemeClr val="tx1">
                <a:lumMod val="75000"/>
              </a:schemeClr>
            </a:solidFill>
            <a:latin typeface="Calibri" panose="020F0502020204030204" pitchFamily="34" charset="0"/>
            <a:ea typeface="Calibri" panose="020F0502020204030204" pitchFamily="34" charset="0"/>
            <a:cs typeface="Calibri" panose="020F0502020204030204" pitchFamily="34" charset="0"/>
          </a:endParaRPr>
        </a:p>
      </dsp:txBody>
      <dsp:txXfrm>
        <a:off x="2996335" y="3237350"/>
        <a:ext cx="6199327" cy="71970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vProcess5">
  <dgm:title val=""/>
  <dgm:desc val=""/>
  <dgm:catLst>
    <dgm:cat type="process" pri="1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</dgm:cxnLst>
      <dgm:bg/>
      <dgm:whole/>
    </dgm:dataModel>
  </dgm:clrData>
  <dgm:layoutNode name="outerComposite">
    <dgm:varLst>
      <dgm:chMax val="5"/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0">
      <dgm:if name="Name1" func="var" arg="dir" op="equ" val="norm">
        <dgm:constrLst>
          <dgm:constr type="primFontSz" for="ch" ptType="node" op="equ" val="65"/>
          <dgm:constr type="w" for="ch" forName="dummyMaxCanvas" refType="w"/>
          <dgm:constr type="h" for="ch" forName="dummyMaxCanvas" refType="h"/>
          <dgm:constr type="w" for="ch" forName="OneNode_1" refType="w"/>
          <dgm:constr type="h" for="ch" forName="OneNode_1" refType="h" fact="0.5"/>
          <dgm:constr type="ctrY" for="ch" forName="OneNode_1" refType="h" fact="0.5"/>
          <dgm:constr type="w" for="ch" forName="TwoNodes_1" refType="w" fact="0.85"/>
          <dgm:constr type="h" for="ch" forName="TwoNodes_1" refType="h" fact="0.45"/>
          <dgm:constr type="t" for="ch" forName="TwoNodes_1"/>
          <dgm:constr type="l" for="ch" forName="TwoNodes_1"/>
          <dgm:constr type="w" for="ch" forName="TwoNodes_2" refType="w" fact="0.85"/>
          <dgm:constr type="h" for="ch" forName="TwoNodes_2" refType="h" fact="0.45"/>
          <dgm:constr type="b" for="ch" forName="TwoNodes_2" refType="h"/>
          <dgm:constr type="r" for="ch" forName="TwoNodes_2" refType="w"/>
          <dgm:constr type="w" for="ch" forName="TwoConn_1-2" refType="h" refFor="ch" refForName="TwoNodes_1" fact="0.65"/>
          <dgm:constr type="h" for="ch" forName="TwoConn_1-2" refType="h" refFor="ch" refForName="TwoNodes_1" fact="0.65"/>
          <dgm:constr type="ctrY" for="ch" forName="TwoConn_1-2" refType="h" fact="0.5"/>
          <dgm:constr type="r" for="ch" forName="TwoConn_1-2" refType="r" refFor="ch" refForName="TwoNodes_1"/>
          <dgm:constr type="r" for="ch" forName="TwoNodes_1_text" refType="l" refFor="ch" refForName="TwoConn_1-2"/>
          <dgm:constr type="rOff" for="ch" forName="TwoNodes_1_text" refType="w" refFor="ch" refForName="TwoConn_1-2" fact="-0.5"/>
          <dgm:constr type="t" for="ch" forName="TwoNodes_1_text" refType="t" refFor="ch" refForName="TwoNodes_1"/>
          <dgm:constr type="b" for="ch" forName="TwoNodes_1_text" refType="b" refFor="ch" refForName="TwoNodes_1"/>
          <dgm:constr type="l" for="ch" forName="TwoNodes_1_text" refType="l" refFor="ch" refForName="TwoNodes_1"/>
          <dgm:constr type="r" for="ch" forName="TwoNodes_2_text" refType="l" refFor="ch" refForName="TwoConn_1-2"/>
          <dgm:constr type="t" for="ch" forName="TwoNodes_2_text" refType="t" refFor="ch" refForName="TwoNodes_2"/>
          <dgm:constr type="b" for="ch" forName="TwoNodes_2_text" refType="b" refFor="ch" refForName="TwoNodes_2"/>
          <dgm:constr type="l" for="ch" forName="TwoNodes_2_text" refType="l" refFor="ch" refForName="TwoNodes_2"/>
          <dgm:constr type="w" for="ch" forName="ThreeNodes_1" refType="w" fact="0.85"/>
          <dgm:constr type="h" for="ch" forName="ThreeNodes_1" refType="h" fact="0.3"/>
          <dgm:constr type="t" for="ch" forName="ThreeNodes_1"/>
          <dgm:constr type="l" for="ch" forName="ThreeNodes_1"/>
          <dgm:constr type="w" for="ch" forName="ThreeNodes_2" refType="w" fact="0.85"/>
          <dgm:constr type="h" for="ch" forName="ThreeNodes_2" refType="h" fact="0.3"/>
          <dgm:constr type="ctrY" for="ch" forName="ThreeNodes_2" refType="h" fact="0.5"/>
          <dgm:constr type="ctrX" for="ch" forName="ThreeNodes_2" refType="w" fact="0.5"/>
          <dgm:constr type="w" for="ch" forName="ThreeNodes_3" refType="w" fact="0.85"/>
          <dgm:constr type="h" for="ch" forName="ThreeNodes_3" refType="h" fact="0.3"/>
          <dgm:constr type="b" for="ch" forName="ThreeNodes_3" refType="h"/>
          <dgm:constr type="r" for="ch" forName="ThreeNodes_3" refType="w"/>
          <dgm:constr type="w" for="ch" forName="ThreeConn_1-2" refType="h" refFor="ch" refForName="ThreeNodes_1" fact="0.65"/>
          <dgm:constr type="h" for="ch" forName="ThreeConn_1-2" refType="h" refFor="ch" refForName="ThreeNodes_1" fact="0.65"/>
          <dgm:constr type="ctrY" for="ch" forName="ThreeConn_1-2" refType="h" fact="0.325"/>
          <dgm:constr type="r" for="ch" forName="ThreeConn_1-2" refType="r" refFor="ch" refForName="ThreeNodes_1"/>
          <dgm:constr type="w" for="ch" forName="ThreeConn_2-3" refType="h" refFor="ch" refForName="ThreeNodes_2" fact="0.65"/>
          <dgm:constr type="h" for="ch" forName="ThreeConn_2-3" refType="h" refFor="ch" refForName="ThreeNodes_2" fact="0.65"/>
          <dgm:constr type="ctrY" for="ch" forName="ThreeConn_2-3" refType="h" fact="0.673"/>
          <dgm:constr type="r" for="ch" forName="ThreeConn_2-3" refType="r" refFor="ch" refForName="ThreeNodes_2"/>
          <dgm:constr type="r" for="ch" forName="ThreeNodes_1_text" refType="l" refFor="ch" refForName="ThreeConn_1-2"/>
          <dgm:constr type="rOff" for="ch" forName="ThreeNodes_1_text" refType="w" refFor="ch" refForName="ThreeConn_1-2" fact="-0.57"/>
          <dgm:constr type="t" for="ch" forName="ThreeNodes_1_text" refType="t" refFor="ch" refForName="ThreeNodes_1"/>
          <dgm:constr type="b" for="ch" forName="ThreeNodes_1_text" refType="b" refFor="ch" refForName="ThreeNodes_1"/>
          <dgm:constr type="l" for="ch" forName="ThreeNodes_1_text" refType="l" refFor="ch" refForName="ThreeNodes_1"/>
          <dgm:constr type="r" for="ch" forName="ThreeNodes_2_text" refType="l" refFor="ch" refForName="ThreeConn_1-2"/>
          <dgm:constr type="t" for="ch" forName="ThreeNodes_2_text" refType="t" refFor="ch" refForName="ThreeNodes_2"/>
          <dgm:constr type="b" for="ch" forName="ThreeNodes_2_text" refType="b" refFor="ch" refForName="ThreeNodes_2"/>
          <dgm:constr type="l" for="ch" forName="ThreeNodes_2_text" refType="l" refFor="ch" refForName="ThreeNodes_2"/>
          <dgm:constr type="r" for="ch" forName="ThreeNodes_3_text" refType="l" refFor="ch" refForName="ThreeConn_2-3"/>
          <dgm:constr type="t" for="ch" forName="ThreeNodes_3_text" refType="t" refFor="ch" refForName="ThreeNodes_3"/>
          <dgm:constr type="b" for="ch" forName="ThreeNodes_3_text" refType="b" refFor="ch" refForName="ThreeNodes_3"/>
          <dgm:constr type="l" for="ch" forName="ThreeNodes_3_text" refType="l" refFor="ch" refForName="ThreeNodes_3"/>
          <dgm:constr type="w" for="ch" forName="FourNodes_1" refType="w" fact="0.8"/>
          <dgm:constr type="h" for="ch" forName="FourNodes_1" refType="h" fact="0.22"/>
          <dgm:constr type="t" for="ch" forName="FourNodes_1"/>
          <dgm:constr type="l" for="ch" forName="FourNodes_1"/>
          <dgm:constr type="w" for="ch" forName="FourNodes_2" refType="w" fact="0.8"/>
          <dgm:constr type="h" for="ch" forName="FourNodes_2" refType="h" fact="0.22"/>
          <dgm:constr type="ctrY" for="ch" forName="FourNodes_2" refType="h" fact="0.37"/>
          <dgm:constr type="ctrX" for="ch" forName="FourNodes_2" refType="w" fact="0.467"/>
          <dgm:constr type="w" for="ch" forName="FourNodes_3" refType="w" fact="0.8"/>
          <dgm:constr type="h" for="ch" forName="FourNodes_3" refType="h" fact="0.22"/>
          <dgm:constr type="ctrY" for="ch" forName="FourNodes_3" refType="h" fact="0.63"/>
          <dgm:constr type="ctrX" for="ch" forName="FourNodes_3" refType="w" fact="0.533"/>
          <dgm:constr type="w" for="ch" forName="FourNodes_4" refType="w" fact="0.8"/>
          <dgm:constr type="h" for="ch" forName="FourNodes_4" refType="h" fact="0.22"/>
          <dgm:constr type="b" for="ch" forName="FourNodes_4" refType="h"/>
          <dgm:constr type="r" for="ch" forName="FourNodes_4" refType="w"/>
          <dgm:constr type="w" for="ch" forName="FourConn_1-2" refType="h" refFor="ch" refForName="FourNodes_1" fact="0.65"/>
          <dgm:constr type="h" for="ch" forName="FourConn_1-2" refType="h" refFor="ch" refForName="FourNodes_1" fact="0.65"/>
          <dgm:constr type="ctrY" for="ch" forName="FourConn_1-2" refType="h" fact="0.24"/>
          <dgm:constr type="r" for="ch" forName="FourConn_1-2" refType="r" refFor="ch" refForName="FourNodes_1"/>
          <dgm:constr type="w" for="ch" forName="FourConn_2-3" refType="h" refFor="ch" refForName="FourNodes_2" fact="0.65"/>
          <dgm:constr type="h" for="ch" forName="FourConn_2-3" refType="h" refFor="ch" refForName="FourNodes_2" fact="0.65"/>
          <dgm:constr type="ctrY" for="ch" forName="FourConn_2-3" refType="h" fact="0.5"/>
          <dgm:constr type="r" for="ch" forName="FourConn_2-3" refType="r" refFor="ch" refForName="FourNodes_2"/>
          <dgm:constr type="w" for="ch" forName="FourConn_3-4" refType="h" refFor="ch" refForName="FourNodes_3" fact="0.65"/>
          <dgm:constr type="h" for="ch" forName="FourConn_3-4" refType="h" refFor="ch" refForName="FourNodes_3" fact="0.65"/>
          <dgm:constr type="ctrY" for="ch" forName="FourConn_3-4" refType="h" fact="0.76"/>
          <dgm:constr type="r" for="ch" forName="FourConn_3-4" refType="r" refFor="ch" refForName="FourNodes_3"/>
          <dgm:constr type="r" for="ch" forName="FourNodes_1_text" refType="l" refFor="ch" refForName="FourConn_1-2"/>
          <dgm:constr type="rOff" for="ch" forName="FourNodes_1_text" refType="w" refFor="ch" refForName="FourConn_1-2" fact="-0.7"/>
          <dgm:constr type="t" for="ch" forName="FourNodes_1_text" refType="t" refFor="ch" refForName="FourNodes_1"/>
          <dgm:constr type="b" for="ch" forName="FourNodes_1_text" refType="b" refFor="ch" refForName="FourNodes_1"/>
          <dgm:constr type="l" for="ch" forName="FourNodes_1_text" refType="l" refFor="ch" refForName="FourNodes_1"/>
          <dgm:constr type="r" for="ch" forName="FourNodes_2_text" refType="l" refFor="ch" refForName="FourConn_1-2"/>
          <dgm:constr type="t" for="ch" forName="FourNodes_2_text" refType="t" refFor="ch" refForName="FourNodes_2"/>
          <dgm:constr type="b" for="ch" forName="FourNodes_2_text" refType="b" refFor="ch" refForName="FourNodes_2"/>
          <dgm:constr type="l" for="ch" forName="FourNodes_2_text" refType="l" refFor="ch" refForName="FourNodes_2"/>
          <dgm:constr type="r" for="ch" forName="FourNodes_3_text" refType="l" refFor="ch" refForName="FourConn_2-3"/>
          <dgm:constr type="t" for="ch" forName="FourNodes_3_text" refType="t" refFor="ch" refForName="FourNodes_3"/>
          <dgm:constr type="b" for="ch" forName="FourNodes_3_text" refType="b" refFor="ch" refForName="FourNodes_3"/>
          <dgm:constr type="l" for="ch" forName="FourNodes_3_text" refType="l" refFor="ch" refForName="FourNodes_3"/>
          <dgm:constr type="r" for="ch" forName="FourNodes_4_text" refType="l" refFor="ch" refForName="FourConn_3-4"/>
          <dgm:constr type="t" for="ch" forName="FourNodes_4_text" refType="t" refFor="ch" refForName="FourNodes_4"/>
          <dgm:constr type="b" for="ch" forName="FourNodes_4_text" refType="b" refFor="ch" refForName="FourNodes_4"/>
          <dgm:constr type="l" for="ch" forName="FourNodes_4_text" refType="l" refFor="ch" refForName="FourNodes_4"/>
          <dgm:constr type="w" for="ch" forName="FiveNodes_1" refType="w" fact="0.77"/>
          <dgm:constr type="h" for="ch" forName="FiveNodes_1" refType="h" fact="0.18"/>
          <dgm:constr type="t" for="ch" forName="FiveNodes_1"/>
          <dgm:constr type="l" for="ch" forName="FiveNodes_1"/>
          <dgm:constr type="w" for="ch" forName="FiveNodes_2" refType="w" fact="0.77"/>
          <dgm:constr type="h" for="ch" forName="FiveNodes_2" refType="h" fact="0.18"/>
          <dgm:constr type="ctrY" for="ch" forName="FiveNodes_2" refType="h" fact="0.295"/>
          <dgm:constr type="ctrX" for="ch" forName="FiveNodes_2" refType="w" fact="0.4425"/>
          <dgm:constr type="w" for="ch" forName="FiveNodes_3" refType="w" fact="0.77"/>
          <dgm:constr type="h" for="ch" forName="FiveNodes_3" refType="h" fact="0.18"/>
          <dgm:constr type="ctrY" for="ch" forName="FiveNodes_3" refType="h" fact="0.5"/>
          <dgm:constr type="ctrX" for="ch" forName="FiveNodes_3" refType="w" fact="0.5"/>
          <dgm:constr type="w" for="ch" forName="FiveNodes_4" refType="w" fact="0.77"/>
          <dgm:constr type="h" for="ch" forName="FiveNodes_4" refType="h" fact="0.18"/>
          <dgm:constr type="ctrY" for="ch" forName="FiveNodes_4" refType="h" fact="0.705"/>
          <dgm:constr type="ctrX" for="ch" forName="FiveNodes_4" refType="w" fact="0.5575"/>
          <dgm:constr type="w" for="ch" forName="FiveNodes_5" refType="w" fact="0.77"/>
          <dgm:constr type="h" for="ch" forName="FiveNodes_5" refType="h" fact="0.18"/>
          <dgm:constr type="b" for="ch" forName="FiveNodes_5" refType="h"/>
          <dgm:constr type="r" for="ch" forName="FiveNodes_5" refType="w"/>
          <dgm:constr type="w" for="ch" forName="FiveConn_1-2" refType="h" refFor="ch" refForName="FiveNodes_1" fact="0.65"/>
          <dgm:constr type="h" for="ch" forName="FiveConn_1-2" refType="h" refFor="ch" refForName="FiveNodes_1" fact="0.65"/>
          <dgm:constr type="ctrY" for="ch" forName="FiveConn_1-2" refType="h" fact="0.19"/>
          <dgm:constr type="r" for="ch" forName="FiveConn_1-2" refType="r" refFor="ch" refForName="FiveNodes_1"/>
          <dgm:constr type="w" for="ch" forName="FiveConn_2-3" refType="h" refFor="ch" refForName="FiveNodes_2" fact="0.65"/>
          <dgm:constr type="h" for="ch" forName="FiveConn_2-3" refType="h" refFor="ch" refForName="FiveNodes_2" fact="0.65"/>
          <dgm:constr type="ctrY" for="ch" forName="FiveConn_2-3" refType="h" fact="0.395"/>
          <dgm:constr type="r" for="ch" forName="FiveConn_2-3" refType="r" refFor="ch" refForName="FiveNodes_2"/>
          <dgm:constr type="w" for="ch" forName="FiveConn_3-4" refType="h" refFor="ch" refForName="FiveNodes_3" fact="0.65"/>
          <dgm:constr type="h" for="ch" forName="FiveConn_3-4" refType="h" refFor="ch" refForName="FiveNodes_3" fact="0.65"/>
          <dgm:constr type="ctrY" for="ch" forName="FiveConn_3-4" refType="h" fact="0.597"/>
          <dgm:constr type="r" for="ch" forName="FiveConn_3-4" refType="r" refFor="ch" refForName="FiveNodes_3"/>
          <dgm:constr type="w" for="ch" forName="FiveConn_4-5" refType="h" refFor="ch" refForName="FiveNodes_4" fact="0.65"/>
          <dgm:constr type="h" for="ch" forName="FiveConn_4-5" refType="h" refFor="ch" refForName="FiveNodes_4" fact="0.65"/>
          <dgm:constr type="ctrY" for="ch" forName="FiveConn_4-5" refType="h" fact="0.804"/>
          <dgm:constr type="r" for="ch" forName="FiveConn_4-5" refType="r" refFor="ch" refForName="FiveNodes_4"/>
          <dgm:constr type="r" for="ch" forName="FiveNodes_1_text" refType="l" refFor="ch" refForName="FiveConn_1-2"/>
          <dgm:constr type="rOff" for="ch" forName="FiveNodes_1_text" refType="w" refFor="ch" refForName="FiveConn_1-2" fact="-0.75"/>
          <dgm:constr type="t" for="ch" forName="FiveNodes_1_text" refType="t" refFor="ch" refForName="FiveNodes_1"/>
          <dgm:constr type="b" for="ch" forName="FiveNodes_1_text" refType="b" refFor="ch" refForName="FiveNodes_1"/>
          <dgm:constr type="l" for="ch" forName="FiveNodes_1_text" refType="l" refFor="ch" refForName="FiveNodes_1"/>
          <dgm:constr type="r" for="ch" forName="FiveNodes_2_text" refType="l" refFor="ch" refForName="FiveConn_1-2"/>
          <dgm:constr type="t" for="ch" forName="FiveNodes_2_text" refType="t" refFor="ch" refForName="FiveNodes_2"/>
          <dgm:constr type="b" for="ch" forName="FiveNodes_2_text" refType="b" refFor="ch" refForName="FiveNodes_2"/>
          <dgm:constr type="l" for="ch" forName="FiveNodes_2_text" refType="l" refFor="ch" refForName="FiveNodes_2"/>
          <dgm:constr type="r" for="ch" forName="FiveNodes_3_text" refType="l" refFor="ch" refForName="FiveConn_2-3"/>
          <dgm:constr type="t" for="ch" forName="FiveNodes_3_text" refType="t" refFor="ch" refForName="FiveNodes_3"/>
          <dgm:constr type="b" for="ch" forName="FiveNodes_3_text" refType="b" refFor="ch" refForName="FiveNodes_3"/>
          <dgm:constr type="l" for="ch" forName="FiveNodes_3_text" refType="l" refFor="ch" refForName="FiveNodes_3"/>
          <dgm:constr type="r" for="ch" forName="FiveNodes_4_text" refType="l" refFor="ch" refForName="FiveConn_3-4"/>
          <dgm:constr type="t" for="ch" forName="FiveNodes_4_text" refType="t" refFor="ch" refForName="FiveNodes_4"/>
          <dgm:constr type="b" for="ch" forName="FiveNodes_4_text" refType="b" refFor="ch" refForName="FiveNodes_4"/>
          <dgm:constr type="l" for="ch" forName="FiveNodes_4_text" refType="l" refFor="ch" refForName="FiveNodes_4"/>
          <dgm:constr type="r" for="ch" forName="FiveNodes_5_text" refType="l" refFor="ch" refForName="FiveConn_4-5"/>
          <dgm:constr type="t" for="ch" forName="FiveNodes_5_text" refType="t" refFor="ch" refForName="FiveNodes_5"/>
          <dgm:constr type="b" for="ch" forName="FiveNodes_5_text" refType="b" refFor="ch" refForName="FiveNodes_5"/>
          <dgm:constr type="l" for="ch" forName="FiveNodes_5_text" refType="l" refFor="ch" refForName="FiveNodes_5"/>
        </dgm:constrLst>
      </dgm:if>
      <dgm:else name="Name2">
        <dgm:constrLst>
          <dgm:constr type="primFontSz" for="ch" ptType="node" op="equ" val="65"/>
          <dgm:constr type="w" for="ch" forName="dummyMaxCanvas" refType="w"/>
          <dgm:constr type="h" for="ch" forName="dummyMaxCanvas" refType="h"/>
          <dgm:constr type="w" for="ch" forName="OneNode_1" refType="w"/>
          <dgm:constr type="h" for="ch" forName="OneNode_1" refType="h" fact="0.5"/>
          <dgm:constr type="ctrY" for="ch" forName="OneNode_1" refType="h" fact="0.5"/>
          <dgm:constr type="w" for="ch" forName="TwoNodes_1" refType="w" fact="0.85"/>
          <dgm:constr type="h" for="ch" forName="TwoNodes_1" refType="h" fact="0.45"/>
          <dgm:constr type="t" for="ch" forName="TwoNodes_1"/>
          <dgm:constr type="r" for="ch" forName="TwoNodes_1" refType="w"/>
          <dgm:constr type="w" for="ch" forName="TwoNodes_2" refType="w" fact="0.85"/>
          <dgm:constr type="h" for="ch" forName="TwoNodes_2" refType="h" fact="0.45"/>
          <dgm:constr type="b" for="ch" forName="TwoNodes_2" refType="h"/>
          <dgm:constr type="l" for="ch" forName="TwoNodes_2"/>
          <dgm:constr type="w" for="ch" forName="TwoConn_1-2" refType="h" refFor="ch" refForName="TwoNodes_1" fact="0.65"/>
          <dgm:constr type="h" for="ch" forName="TwoConn_1-2" refType="h" refFor="ch" refForName="TwoNodes_1" fact="0.65"/>
          <dgm:constr type="ctrY" for="ch" forName="TwoConn_1-2" refType="h" fact="0.5"/>
          <dgm:constr type="l" for="ch" forName="TwoConn_1-2" refType="l" refFor="ch" refForName="TwoNodes_1"/>
          <dgm:constr type="l" for="ch" forName="TwoNodes_1_text" refType="r" refFor="ch" refForName="TwoConn_1-2"/>
          <dgm:constr type="lOff" for="ch" forName="TwoNodes_1_text" refType="w" refFor="ch" refForName="TwoConn_1-2" fact="0.5"/>
          <dgm:constr type="t" for="ch" forName="TwoNodes_1_text" refType="t" refFor="ch" refForName="TwoNodes_1"/>
          <dgm:constr type="b" for="ch" forName="TwoNodes_1_text" refType="b" refFor="ch" refForName="TwoNodes_1"/>
          <dgm:constr type="r" for="ch" forName="TwoNodes_1_text" refType="r" refFor="ch" refForName="TwoNodes_1"/>
          <dgm:constr type="l" for="ch" forName="TwoNodes_2_text" refType="r" refFor="ch" refForName="TwoConn_1-2"/>
          <dgm:constr type="t" for="ch" forName="TwoNodes_2_text" refType="t" refFor="ch" refForName="TwoNodes_2"/>
          <dgm:constr type="b" for="ch" forName="TwoNodes_2_text" refType="b" refFor="ch" refForName="TwoNodes_2"/>
          <dgm:constr type="r" for="ch" forName="TwoNodes_2_text" refType="r" refFor="ch" refForName="TwoNodes_2"/>
          <dgm:constr type="w" for="ch" forName="ThreeNodes_1" refType="w" fact="0.85"/>
          <dgm:constr type="h" for="ch" forName="ThreeNodes_1" refType="h" fact="0.3"/>
          <dgm:constr type="t" for="ch" forName="ThreeNodes_1"/>
          <dgm:constr type="r" for="ch" forName="ThreeNodes_1" refType="w"/>
          <dgm:constr type="w" for="ch" forName="ThreeNodes_2" refType="w" fact="0.85"/>
          <dgm:constr type="h" for="ch" forName="ThreeNodes_2" refType="h" fact="0.3"/>
          <dgm:constr type="ctrY" for="ch" forName="ThreeNodes_2" refType="h" fact="0.5"/>
          <dgm:constr type="ctrX" for="ch" forName="ThreeNodes_2" refType="w" fact="0.5"/>
          <dgm:constr type="w" for="ch" forName="ThreeNodes_3" refType="w" fact="0.85"/>
          <dgm:constr type="h" for="ch" forName="ThreeNodes_3" refType="h" fact="0.3"/>
          <dgm:constr type="b" for="ch" forName="ThreeNodes_3" refType="h"/>
          <dgm:constr type="l" for="ch" forName="ThreeNodes_3"/>
          <dgm:constr type="w" for="ch" forName="ThreeConn_1-2" refType="h" refFor="ch" refForName="ThreeNodes_1" fact="0.65"/>
          <dgm:constr type="h" for="ch" forName="ThreeConn_1-2" refType="h" refFor="ch" refForName="ThreeNodes_1" fact="0.65"/>
          <dgm:constr type="ctrY" for="ch" forName="ThreeConn_1-2" refType="h" fact="0.325"/>
          <dgm:constr type="l" for="ch" forName="ThreeConn_1-2" refType="l" refFor="ch" refForName="ThreeNodes_1"/>
          <dgm:constr type="w" for="ch" forName="ThreeConn_2-3" refType="h" refFor="ch" refForName="ThreeNodes_2" fact="0.65"/>
          <dgm:constr type="h" for="ch" forName="ThreeConn_2-3" refType="h" refFor="ch" refForName="ThreeNodes_2" fact="0.65"/>
          <dgm:constr type="ctrY" for="ch" forName="ThreeConn_2-3" refType="h" fact="0.673"/>
          <dgm:constr type="l" for="ch" forName="ThreeConn_2-3" refType="l" refFor="ch" refForName="ThreeNodes_2"/>
          <dgm:constr type="l" for="ch" forName="ThreeNodes_1_text" refType="r" refFor="ch" refForName="ThreeConn_1-2"/>
          <dgm:constr type="lOff" for="ch" forName="ThreeNodes_1_text" refType="w" refFor="ch" refForName="ThreeConn_1-2" fact="0.55"/>
          <dgm:constr type="t" for="ch" forName="ThreeNodes_1_text" refType="t" refFor="ch" refForName="ThreeNodes_1"/>
          <dgm:constr type="b" for="ch" forName="ThreeNodes_1_text" refType="b" refFor="ch" refForName="ThreeNodes_1"/>
          <dgm:constr type="r" for="ch" forName="ThreeNodes_1_text" refType="r" refFor="ch" refForName="ThreeNodes_1"/>
          <dgm:constr type="l" for="ch" forName="ThreeNodes_2_text" refType="r" refFor="ch" refForName="ThreeConn_1-2"/>
          <dgm:constr type="t" for="ch" forName="ThreeNodes_2_text" refType="t" refFor="ch" refForName="ThreeNodes_2"/>
          <dgm:constr type="b" for="ch" forName="ThreeNodes_2_text" refType="b" refFor="ch" refForName="ThreeNodes_2"/>
          <dgm:constr type="r" for="ch" forName="ThreeNodes_2_text" refType="r" refFor="ch" refForName="ThreeNodes_2"/>
          <dgm:constr type="l" for="ch" forName="ThreeNodes_3_text" refType="r" refFor="ch" refForName="ThreeConn_2-3"/>
          <dgm:constr type="t" for="ch" forName="ThreeNodes_3_text" refType="t" refFor="ch" refForName="ThreeNodes_3"/>
          <dgm:constr type="b" for="ch" forName="ThreeNodes_3_text" refType="b" refFor="ch" refForName="ThreeNodes_3"/>
          <dgm:constr type="r" for="ch" forName="ThreeNodes_3_text" refType="r" refFor="ch" refForName="ThreeNodes_3"/>
          <dgm:constr type="w" for="ch" forName="FourNodes_1" refType="w" fact="0.8"/>
          <dgm:constr type="h" for="ch" forName="FourNodes_1" refType="h" fact="0.22"/>
          <dgm:constr type="t" for="ch" forName="FourNodes_1"/>
          <dgm:constr type="r" for="ch" forName="FourNodes_1" refType="w"/>
          <dgm:constr type="w" for="ch" forName="FourNodes_2" refType="w" fact="0.8"/>
          <dgm:constr type="h" for="ch" forName="FourNodes_2" refType="h" fact="0.22"/>
          <dgm:constr type="ctrY" for="ch" forName="FourNodes_2" refType="h" fact="0.37"/>
          <dgm:constr type="ctrX" for="ch" forName="FourNodes_2" refType="w" fact="0.533"/>
          <dgm:constr type="w" for="ch" forName="FourNodes_3" refType="w" fact="0.8"/>
          <dgm:constr type="h" for="ch" forName="FourNodes_3" refType="h" fact="0.22"/>
          <dgm:constr type="ctrY" for="ch" forName="FourNodes_3" refType="h" fact="0.63"/>
          <dgm:constr type="ctrX" for="ch" forName="FourNodes_3" refType="w" fact="0.467"/>
          <dgm:constr type="w" for="ch" forName="FourNodes_4" refType="w" fact="0.8"/>
          <dgm:constr type="h" for="ch" forName="FourNodes_4" refType="h" fact="0.22"/>
          <dgm:constr type="b" for="ch" forName="FourNodes_4" refType="h"/>
          <dgm:constr type="l" for="ch" forName="FourNodes_4"/>
          <dgm:constr type="w" for="ch" forName="FourConn_1-2" refType="h" refFor="ch" refForName="FourNodes_1" fact="0.65"/>
          <dgm:constr type="h" for="ch" forName="FourConn_1-2" refType="h" refFor="ch" refForName="FourNodes_1" fact="0.65"/>
          <dgm:constr type="ctrY" for="ch" forName="FourConn_1-2" refType="h" fact="0.24"/>
          <dgm:constr type="l" for="ch" forName="FourConn_1-2" refType="l" refFor="ch" refForName="FourNodes_1"/>
          <dgm:constr type="w" for="ch" forName="FourConn_2-3" refType="h" refFor="ch" refForName="FourNodes_2" fact="0.65"/>
          <dgm:constr type="h" for="ch" forName="FourConn_2-3" refType="h" refFor="ch" refForName="FourNodes_2" fact="0.65"/>
          <dgm:constr type="ctrY" for="ch" forName="FourConn_2-3" refType="h" fact="0.5"/>
          <dgm:constr type="l" for="ch" forName="FourConn_2-3" refType="l" refFor="ch" refForName="FourNodes_2"/>
          <dgm:constr type="w" for="ch" forName="FourConn_3-4" refType="h" refFor="ch" refForName="FourNodes_3" fact="0.65"/>
          <dgm:constr type="h" for="ch" forName="FourConn_3-4" refType="h" refFor="ch" refForName="FourNodes_3" fact="0.65"/>
          <dgm:constr type="ctrY" for="ch" forName="FourConn_3-4" refType="h" fact="0.76"/>
          <dgm:constr type="l" for="ch" forName="FourConn_3-4" refType="l" refFor="ch" refForName="FourNodes_3"/>
          <dgm:constr type="l" for="ch" forName="FourNodes_1_text" refType="r" refFor="ch" refForName="FourConn_1-2"/>
          <dgm:constr type="lOff" for="ch" forName="FourNodes_1_text" refType="w" refFor="ch" refForName="FourConn_1-2" fact="0.69"/>
          <dgm:constr type="t" for="ch" forName="FourNodes_1_text" refType="t" refFor="ch" refForName="FourNodes_1"/>
          <dgm:constr type="b" for="ch" forName="FourNodes_1_text" refType="b" refFor="ch" refForName="FourNodes_1"/>
          <dgm:constr type="r" for="ch" forName="FourNodes_1_text" refType="r" refFor="ch" refForName="FourNodes_1"/>
          <dgm:constr type="l" for="ch" forName="FourNodes_2_text" refType="r" refFor="ch" refForName="FourConn_1-2"/>
          <dgm:constr type="t" for="ch" forName="FourNodes_2_text" refType="t" refFor="ch" refForName="FourNodes_2"/>
          <dgm:constr type="b" for="ch" forName="FourNodes_2_text" refType="b" refFor="ch" refForName="FourNodes_2"/>
          <dgm:constr type="r" for="ch" forName="FourNodes_2_text" refType="r" refFor="ch" refForName="FourNodes_2"/>
          <dgm:constr type="l" for="ch" forName="FourNodes_3_text" refType="r" refFor="ch" refForName="FourConn_2-3"/>
          <dgm:constr type="t" for="ch" forName="FourNodes_3_text" refType="t" refFor="ch" refForName="FourNodes_3"/>
          <dgm:constr type="b" for="ch" forName="FourNodes_3_text" refType="b" refFor="ch" refForName="FourNodes_3"/>
          <dgm:constr type="r" for="ch" forName="FourNodes_3_text" refType="r" refFor="ch" refForName="FourNodes_3"/>
          <dgm:constr type="l" for="ch" forName="FourNodes_4_text" refType="r" refFor="ch" refForName="FourConn_3-4"/>
          <dgm:constr type="t" for="ch" forName="FourNodes_4_text" refType="t" refFor="ch" refForName="FourNodes_4"/>
          <dgm:constr type="b" for="ch" forName="FourNodes_4_text" refType="b" refFor="ch" refForName="FourNodes_4"/>
          <dgm:constr type="r" for="ch" forName="FourNodes_4_text" refType="r" refFor="ch" refForName="FourNodes_4"/>
          <dgm:constr type="w" for="ch" forName="FiveNodes_1" refType="w" fact="0.77"/>
          <dgm:constr type="h" for="ch" forName="FiveNodes_1" refType="h" fact="0.18"/>
          <dgm:constr type="t" for="ch" forName="FiveNodes_1"/>
          <dgm:constr type="r" for="ch" forName="FiveNodes_1" refType="w"/>
          <dgm:constr type="w" for="ch" forName="FiveNodes_2" refType="w" fact="0.77"/>
          <dgm:constr type="h" for="ch" forName="FiveNodes_2" refType="h" fact="0.18"/>
          <dgm:constr type="ctrY" for="ch" forName="FiveNodes_2" refType="h" fact="0.295"/>
          <dgm:constr type="ctrX" for="ch" forName="FiveNodes_2" refType="w" fact="0.5575"/>
          <dgm:constr type="w" for="ch" forName="FiveNodes_3" refType="w" fact="0.77"/>
          <dgm:constr type="h" for="ch" forName="FiveNodes_3" refType="h" fact="0.18"/>
          <dgm:constr type="ctrY" for="ch" forName="FiveNodes_3" refType="h" fact="0.5"/>
          <dgm:constr type="ctrX" for="ch" forName="FiveNodes_3" refType="w" fact="0.5"/>
          <dgm:constr type="w" for="ch" forName="FiveNodes_4" refType="w" fact="0.77"/>
          <dgm:constr type="h" for="ch" forName="FiveNodes_4" refType="h" fact="0.18"/>
          <dgm:constr type="ctrY" for="ch" forName="FiveNodes_4" refType="h" fact="0.705"/>
          <dgm:constr type="ctrX" for="ch" forName="FiveNodes_4" refType="w" fact="0.4425"/>
          <dgm:constr type="w" for="ch" forName="FiveNodes_5" refType="w" fact="0.77"/>
          <dgm:constr type="h" for="ch" forName="FiveNodes_5" refType="h" fact="0.18"/>
          <dgm:constr type="b" for="ch" forName="FiveNodes_5" refType="h"/>
          <dgm:constr type="l" for="ch" forName="FiveNodes_5"/>
          <dgm:constr type="w" for="ch" forName="FiveConn_1-2" refType="h" refFor="ch" refForName="FiveNodes_1" fact="0.65"/>
          <dgm:constr type="h" for="ch" forName="FiveConn_1-2" refType="h" refFor="ch" refForName="FiveNodes_1" fact="0.65"/>
          <dgm:constr type="ctrY" for="ch" forName="FiveConn_1-2" refType="h" fact="0.19"/>
          <dgm:constr type="l" for="ch" forName="FiveConn_1-2" refType="l" refFor="ch" refForName="FiveNodes_1"/>
          <dgm:constr type="w" for="ch" forName="FiveConn_2-3" refType="h" refFor="ch" refForName="FiveNodes_2" fact="0.65"/>
          <dgm:constr type="h" for="ch" forName="FiveConn_2-3" refType="h" refFor="ch" refForName="FiveNodes_2" fact="0.65"/>
          <dgm:constr type="ctrY" for="ch" forName="FiveConn_2-3" refType="h" fact="0.395"/>
          <dgm:constr type="l" for="ch" forName="FiveConn_2-3" refType="l" refFor="ch" refForName="FiveNodes_2"/>
          <dgm:constr type="w" for="ch" forName="FiveConn_3-4" refType="h" refFor="ch" refForName="FiveNodes_3" fact="0.65"/>
          <dgm:constr type="h" for="ch" forName="FiveConn_3-4" refType="h" refFor="ch" refForName="FiveNodes_3" fact="0.65"/>
          <dgm:constr type="ctrY" for="ch" forName="FiveConn_3-4" refType="h" fact="0.597"/>
          <dgm:constr type="l" for="ch" forName="FiveConn_3-4" refType="l" refFor="ch" refForName="FiveNodes_3"/>
          <dgm:constr type="w" for="ch" forName="FiveConn_4-5" refType="h" refFor="ch" refForName="FiveNodes_4" fact="0.65"/>
          <dgm:constr type="h" for="ch" forName="FiveConn_4-5" refType="h" refFor="ch" refForName="FiveNodes_4" fact="0.65"/>
          <dgm:constr type="ctrY" for="ch" forName="FiveConn_4-5" refType="h" fact="0.804"/>
          <dgm:constr type="l" for="ch" forName="FiveConn_4-5" refType="l" refFor="ch" refForName="FiveNodes_4"/>
          <dgm:constr type="l" for="ch" forName="FiveNodes_1_text" refType="r" refFor="ch" refForName="FiveConn_1-2"/>
          <dgm:constr type="lOff" for="ch" forName="FiveNodes_1_text" refType="w" refFor="ch" refForName="FiveConn_1-2" fact="0.73"/>
          <dgm:constr type="t" for="ch" forName="FiveNodes_1_text" refType="t" refFor="ch" refForName="FiveNodes_1"/>
          <dgm:constr type="b" for="ch" forName="FiveNodes_1_text" refType="b" refFor="ch" refForName="FiveNodes_1"/>
          <dgm:constr type="r" for="ch" forName="FiveNodes_1_text" refType="r" refFor="ch" refForName="FiveNodes_1"/>
          <dgm:constr type="l" for="ch" forName="FiveNodes_2_text" refType="r" refFor="ch" refForName="FiveConn_1-2"/>
          <dgm:constr type="t" for="ch" forName="FiveNodes_2_text" refType="t" refFor="ch" refForName="FiveNodes_2"/>
          <dgm:constr type="b" for="ch" forName="FiveNodes_2_text" refType="b" refFor="ch" refForName="FiveNodes_2"/>
          <dgm:constr type="r" for="ch" forName="FiveNodes_2_text" refType="r" refFor="ch" refForName="FiveNodes_2"/>
          <dgm:constr type="l" for="ch" forName="FiveNodes_3_text" refType="r" refFor="ch" refForName="FiveConn_2-3"/>
          <dgm:constr type="t" for="ch" forName="FiveNodes_3_text" refType="t" refFor="ch" refForName="FiveNodes_3"/>
          <dgm:constr type="b" for="ch" forName="FiveNodes_3_text" refType="b" refFor="ch" refForName="FiveNodes_3"/>
          <dgm:constr type="r" for="ch" forName="FiveNodes_3_text" refType="r" refFor="ch" refForName="FiveNodes_3"/>
          <dgm:constr type="l" for="ch" forName="FiveNodes_4_text" refType="r" refFor="ch" refForName="FiveConn_3-4"/>
          <dgm:constr type="t" for="ch" forName="FiveNodes_4_text" refType="t" refFor="ch" refForName="FiveNodes_4"/>
          <dgm:constr type="b" for="ch" forName="FiveNodes_4_text" refType="b" refFor="ch" refForName="FiveNodes_4"/>
          <dgm:constr type="r" for="ch" forName="FiveNodes_4_text" refType="r" refFor="ch" refForName="FiveNodes_4"/>
          <dgm:constr type="l" for="ch" forName="FiveNodes_5_text" refType="r" refFor="ch" refForName="FiveConn_4-5"/>
          <dgm:constr type="t" for="ch" forName="FiveNodes_5_text" refType="t" refFor="ch" refForName="FiveNodes_5"/>
          <dgm:constr type="b" for="ch" forName="FiveNodes_5_text" refType="b" refFor="ch" refForName="FiveNodes_5"/>
          <dgm:constr type="r" for="ch" forName="FiveNodes_5_text" refType="r" refFor="ch" refForName="FiveNodes_5"/>
        </dgm:constrLst>
      </dgm:else>
    </dgm:choose>
    <dgm:ruleLst/>
    <dgm:layoutNode name="dummyMaxCanvas">
      <dgm:varLst/>
      <dgm:alg type="sp"/>
      <dgm:shape xmlns:r="http://schemas.openxmlformats.org/officeDocument/2006/relationships" r:blip="">
        <dgm:adjLst/>
      </dgm:shape>
      <dgm:presOf/>
      <dgm:constrLst/>
      <dgm:ruleLst/>
    </dgm:layoutNode>
    <dgm:choose name="Name3">
      <dgm:if name="Name4" axis="ch" ptType="node" func="cnt" op="equ" val="1">
        <dgm:layoutNode name="OneNode_1">
          <dgm:varLst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ch desOrSelf" ptType="node node" st="1 1" cnt="1 0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if>
      <dgm:else name="Name5">
        <dgm:choose name="Name6">
          <dgm:if name="Name7" axis="ch" ptType="node" func="cnt" op="equ" val="2">
            <dgm:layoutNode name="TwoNodes_1">
              <dgm:varLst>
                <dgm:bulletEnabled val="1"/>
              </dgm:varLst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ch desOrSelf" ptType="node node" st="1 1" cnt="1 0"/>
              <dgm:constrLst/>
              <dgm:ruleLst/>
            </dgm:layoutNode>
            <dgm:layoutNode name="TwoNodes_2">
              <dgm:varLst>
                <dgm:bulletEnabled val="1"/>
              </dgm:varLst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ch desOrSelf" ptType="node node" st="2 1" cnt="1 0"/>
              <dgm:constrLst/>
              <dgm:ruleLst/>
            </dgm:layoutNode>
            <dgm:layoutNode name="TwoConn_1-2" styleLbl="fgAccFollowNode1">
              <dgm:varLst>
                <dgm:bulletEnabled val="1"/>
              </dgm:varLst>
              <dgm:alg type="tx"/>
              <dgm:shape xmlns:r="http://schemas.openxmlformats.org/officeDocument/2006/relationships" type="downArrow" r:blip="">
                <dgm:adjLst>
                  <dgm:adj idx="1" val="0.55"/>
                  <dgm:adj idx="2" val="0.45"/>
                </dgm:adjLst>
              </dgm:shape>
              <dgm:presOf axis="ch" ptType="sibTrans" cnt="1"/>
              <dgm:constrLst>
                <dgm:constr type="lMarg" refType="primFontSz" fact="0.1"/>
                <dgm:constr type="rMarg" refType="primFontSz" fact="0.1"/>
                <dgm:constr type="tMarg" refType="primFontSz" fact="0.1"/>
                <dgm:constr type="bMarg" refType="primFontSz" fact="0.1"/>
              </dgm:constrLst>
              <dgm:ruleLst>
                <dgm:rule type="primFontSz" val="5" fact="NaN" max="NaN"/>
              </dgm:ruleLst>
            </dgm:layoutNode>
            <dgm:layoutNode name="TwoNodes_1_text">
              <dgm:varLst>
                <dgm:bulletEnabled val="1"/>
              </dgm:varLst>
              <dgm:alg type="tx">
                <dgm:param type="parTxLTRAlign" val="l"/>
                <dgm:param type="txAnchorVertCh" val="mid"/>
              </dgm:alg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ch desOrSelf" ptType="node node" st="1 1" cnt="1 0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  <dgm:layoutNode name="TwoNodes_2_text">
              <dgm:varLst>
                <dgm:bulletEnabled val="1"/>
              </dgm:varLst>
              <dgm:alg type="tx">
                <dgm:param type="parTxLTRAlign" val="l"/>
                <dgm:param type="txAnchorVertCh" val="mid"/>
              </dgm:alg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ch desOrSelf" ptType="node node" st="2 1" cnt="1 0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</dgm:if>
          <dgm:else name="Name8">
            <dgm:choose name="Name9">
              <dgm:if name="Name10" axis="ch" ptType="node" func="cnt" op="equ" val="3">
                <dgm:layoutNode name="ThreeNodes_1">
                  <dgm:varLst>
                    <dgm:bulletEnabled val="1"/>
                  </dgm:varLst>
                  <dgm:alg type="sp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ch desOrSelf" ptType="node node" st="1 1" cnt="1 0"/>
                  <dgm:constrLst/>
                  <dgm:ruleLst/>
                </dgm:layoutNode>
                <dgm:layoutNode name="ThreeNodes_2">
                  <dgm:varLst>
                    <dgm:bulletEnabled val="1"/>
                  </dgm:varLst>
                  <dgm:alg type="sp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ch desOrSelf" ptType="node node" st="2 1" cnt="1 0"/>
                  <dgm:constrLst/>
                  <dgm:ruleLst/>
                </dgm:layoutNode>
                <dgm:layoutNode name="ThreeNodes_3">
                  <dgm:varLst>
                    <dgm:bulletEnabled val="1"/>
                  </dgm:varLst>
                  <dgm:alg type="sp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ch desOrSelf" ptType="node node" st="3 1" cnt="1 0"/>
                  <dgm:constrLst/>
                  <dgm:ruleLst/>
                </dgm:layoutNode>
                <dgm:layoutNode name="ThreeConn_1-2" styleLbl="fgAccFollowNode1">
                  <dgm:varLst>
                    <dgm:bulletEnabled val="1"/>
                  </dgm:varLst>
                  <dgm:alg type="tx"/>
                  <dgm:shape xmlns:r="http://schemas.openxmlformats.org/officeDocument/2006/relationships" type="downArrow" r:blip="">
                    <dgm:adjLst>
                      <dgm:adj idx="1" val="0.55"/>
                      <dgm:adj idx="2" val="0.45"/>
                    </dgm:adjLst>
                  </dgm:shape>
                  <dgm:presOf axis="ch" ptType="sibTrans" cnt="1"/>
                  <dgm:constrLst>
                    <dgm:constr type="lMarg" refType="primFontSz" fact="0.1"/>
                    <dgm:constr type="rMarg" refType="primFontSz" fact="0.1"/>
                    <dgm:constr type="tMarg" refType="primFontSz" fact="0.1"/>
                    <dgm:constr type="bMarg" refType="primFontSz" fact="0.1"/>
                  </dgm:constrLst>
                  <dgm:ruleLst>
                    <dgm:rule type="primFontSz" val="5" fact="NaN" max="NaN"/>
                  </dgm:ruleLst>
                </dgm:layoutNode>
                <dgm:layoutNode name="ThreeConn_2-3" styleLbl="fgAccFollowNode1">
                  <dgm:varLst>
                    <dgm:bulletEnabled val="1"/>
                  </dgm:varLst>
                  <dgm:alg type="tx"/>
                  <dgm:shape xmlns:r="http://schemas.openxmlformats.org/officeDocument/2006/relationships" type="downArrow" r:blip="">
                    <dgm:adjLst>
                      <dgm:adj idx="1" val="0.55"/>
                      <dgm:adj idx="2" val="0.45"/>
                    </dgm:adjLst>
                  </dgm:shape>
                  <dgm:presOf axis="ch" ptType="sibTrans" st="2" cnt="1"/>
                  <dgm:constrLst>
                    <dgm:constr type="lMarg" refType="primFontSz" fact="0.1"/>
                    <dgm:constr type="rMarg" refType="primFontSz" fact="0.1"/>
                    <dgm:constr type="tMarg" refType="primFontSz" fact="0.1"/>
                    <dgm:constr type="bMarg" refType="primFontSz" fact="0.1"/>
                  </dgm:constrLst>
                  <dgm:ruleLst>
                    <dgm:rule type="primFontSz" val="5" fact="NaN" max="NaN"/>
                  </dgm:ruleLst>
                </dgm:layoutNode>
                <dgm:layoutNode name="ThreeNodes_1_text">
                  <dgm:varLst>
                    <dgm:bulletEnabled val="1"/>
                  </dgm:varLst>
                  <dgm:alg type="tx">
                    <dgm:param type="parTxLTRAlign" val="l"/>
                    <dgm:param type="txAnchorVertCh" val="mid"/>
                  </dgm:alg>
                  <dgm:shape xmlns:r="http://schemas.openxmlformats.org/officeDocument/2006/relationships" type="roundRect" r:blip="" hideGeom="1">
                    <dgm:adjLst>
                      <dgm:adj idx="1" val="0.1"/>
                    </dgm:adjLst>
                  </dgm:shape>
                  <dgm:presOf axis="ch desOrSelf" ptType="node node" st="1 1" cnt="1 0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  <dgm:layoutNode name="ThreeNodes_2_text">
                  <dgm:varLst>
                    <dgm:bulletEnabled val="1"/>
                  </dgm:varLst>
                  <dgm:alg type="tx">
                    <dgm:param type="parTxLTRAlign" val="l"/>
                    <dgm:param type="txAnchorVertCh" val="mid"/>
                  </dgm:alg>
                  <dgm:shape xmlns:r="http://schemas.openxmlformats.org/officeDocument/2006/relationships" type="roundRect" r:blip="" hideGeom="1">
                    <dgm:adjLst>
                      <dgm:adj idx="1" val="0.1"/>
                    </dgm:adjLst>
                  </dgm:shape>
                  <dgm:presOf axis="ch desOrSelf" ptType="node node" st="2 1" cnt="1 0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  <dgm:layoutNode name="ThreeNodes_3_text">
                  <dgm:varLst>
                    <dgm:bulletEnabled val="1"/>
                  </dgm:varLst>
                  <dgm:alg type="tx">
                    <dgm:param type="parTxLTRAlign" val="l"/>
                    <dgm:param type="txAnchorVertCh" val="mid"/>
                  </dgm:alg>
                  <dgm:shape xmlns:r="http://schemas.openxmlformats.org/officeDocument/2006/relationships" type="roundRect" r:blip="" hideGeom="1">
                    <dgm:adjLst>
                      <dgm:adj idx="1" val="0.1"/>
                    </dgm:adjLst>
                  </dgm:shape>
                  <dgm:presOf axis="ch desOrSelf" ptType="node node" st="3 1" cnt="1 0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</dgm:if>
              <dgm:else name="Name11">
                <dgm:choose name="Name12">
                  <dgm:if name="Name13" axis="ch" ptType="node" func="cnt" op="equ" val="4">
                    <dgm:layoutNode name="FourNodes_1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1 1" cnt="1 0"/>
                      <dgm:constrLst/>
                      <dgm:ruleLst/>
                    </dgm:layoutNode>
                    <dgm:layoutNode name="FourNodes_2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2 1" cnt="1 0"/>
                      <dgm:constrLst/>
                      <dgm:ruleLst/>
                    </dgm:layoutNode>
                    <dgm:layoutNode name="FourNodes_3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3 1" cnt="1 0"/>
                      <dgm:constrLst/>
                      <dgm:ruleLst/>
                    </dgm:layoutNode>
                    <dgm:layoutNode name="FourNodes_4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4 1" cnt="1 0"/>
                      <dgm:constrLst/>
                      <dgm:ruleLst/>
                    </dgm:layoutNode>
                    <dgm:layoutNode name="FourConn_1-2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downArrow" r:blip="">
                        <dgm:adjLst>
                          <dgm:adj idx="1" val="0.55"/>
                          <dgm:adj idx="2" val="0.45"/>
                        </dgm:adjLst>
                      </dgm:shape>
                      <dgm:presOf axis="ch" ptType="sibTrans" cnt="1"/>
                      <dgm:constrLst>
                        <dgm:constr type="lMarg" refType="primFontSz" fact="0.1"/>
                        <dgm:constr type="rMarg" refType="primFontSz" fact="0.1"/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Conn_2-3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downArrow" r:blip="">
                        <dgm:adjLst>
                          <dgm:adj idx="1" val="0.55"/>
                          <dgm:adj idx="2" val="0.45"/>
                        </dgm:adjLst>
                      </dgm:shape>
                      <dgm:presOf axis="ch" ptType="sibTrans" st="2" cnt="1"/>
                      <dgm:constrLst>
                        <dgm:constr type="lMarg" refType="primFontSz" fact="0.1"/>
                        <dgm:constr type="rMarg" refType="primFontSz" fact="0.1"/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Conn_3-4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downArrow" r:blip="">
                        <dgm:adjLst>
                          <dgm:adj idx="1" val="0.55"/>
                          <dgm:adj idx="2" val="0.45"/>
                        </dgm:adjLst>
                      </dgm:shape>
                      <dgm:presOf axis="ch" ptType="sibTrans" st="3" cnt="1"/>
                      <dgm:constrLst>
                        <dgm:constr type="lMarg" refType="primFontSz" fact="0.1"/>
                        <dgm:constr type="rMarg" refType="primFontSz" fact="0.1"/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1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1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2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2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3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3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4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4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if>
                  <dgm:else name="Name14">
                    <dgm:choose name="Name15">
                      <dgm:if name="Name16" axis="ch" ptType="node" func="cnt" op="gte" val="5">
                        <dgm:layoutNode name="FiveNodes_1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1 1" cnt="1 0"/>
                          <dgm:constrLst/>
                          <dgm:ruleLst/>
                        </dgm:layoutNode>
                        <dgm:layoutNode name="FiveNodes_2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2 1" cnt="1 0"/>
                          <dgm:constrLst/>
                          <dgm:ruleLst/>
                        </dgm:layoutNode>
                        <dgm:layoutNode name="FiveNodes_3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3 1" cnt="1 0"/>
                          <dgm:constrLst/>
                          <dgm:ruleLst/>
                        </dgm:layoutNode>
                        <dgm:layoutNode name="FiveNodes_4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4 1" cnt="1 0"/>
                          <dgm:constrLst/>
                          <dgm:ruleLst/>
                        </dgm:layoutNode>
                        <dgm:layoutNode name="FiveNodes_5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5 1" cnt="1 0"/>
                          <dgm:constrLst/>
                          <dgm:ruleLst/>
                        </dgm:layoutNode>
                        <dgm:layoutNode name="FiveConn_1-2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Conn_2-3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st="2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Conn_3-4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st="3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Conn_4-5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st="4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1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1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2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2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3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3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4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4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5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5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</dgm:if>
                      <dgm:else name="Name17"/>
                    </dgm:choose>
                  </dgm:else>
                </dgm:choose>
              </dgm:else>
            </dgm:choose>
          </dgm:else>
        </dgm:choose>
      </dgm:else>
    </dgm:choose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11-03-2025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5645981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4882237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2133577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890477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1419753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5523245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649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8854719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5764778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6660091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1020869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9994171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2944588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7231794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w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emf"/><Relationship Id="rId4" Type="http://schemas.openxmlformats.org/officeDocument/2006/relationships/image" Target="../media/image3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emf"/><Relationship Id="rId4" Type="http://schemas.openxmlformats.org/officeDocument/2006/relationships/image" Target="../media/image2.w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emf"/><Relationship Id="rId4" Type="http://schemas.openxmlformats.org/officeDocument/2006/relationships/image" Target="../media/image2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emf"/><Relationship Id="rId4" Type="http://schemas.openxmlformats.org/officeDocument/2006/relationships/image" Target="../media/image2.w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emf"/><Relationship Id="rId4" Type="http://schemas.openxmlformats.org/officeDocument/2006/relationships/image" Target="../media/image2.wmf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rgbClr val="567F4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32" name="Rektangel 31">
            <a:extLst>
              <a:ext uri="{FF2B5EF4-FFF2-40B4-BE49-F238E27FC236}">
                <a16:creationId xmlns:a16="http://schemas.microsoft.com/office/drawing/2014/main" id="{AAC0C3D3-9420-466E-837D-E3FCFD058D0C}"/>
              </a:ext>
            </a:extLst>
          </p:cNvPr>
          <p:cNvSpPr/>
          <p:nvPr userDrawn="1"/>
        </p:nvSpPr>
        <p:spPr>
          <a:xfrm>
            <a:off x="0" y="1976434"/>
            <a:ext cx="683568" cy="4881566"/>
          </a:xfrm>
          <a:prstGeom prst="rect">
            <a:avLst/>
          </a:prstGeom>
          <a:solidFill>
            <a:srgbClr val="B9D99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rgbClr val="F0FF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3" name="Navn">
            <a:extLst>
              <a:ext uri="{FF2B5EF4-FFF2-40B4-BE49-F238E27FC236}">
                <a16:creationId xmlns:a16="http://schemas.microsoft.com/office/drawing/2014/main" id="{4FC8017E-F7ED-D5D6-B3C5-220CF9F59D6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6" name="PresentationTitle">
            <a:extLst>
              <a:ext uri="{FF2B5EF4-FFF2-40B4-BE49-F238E27FC236}">
                <a16:creationId xmlns:a16="http://schemas.microsoft.com/office/drawing/2014/main" id="{6088B1EC-07AA-2611-3D88-A44953F034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" name="Logoimage">
            <a:extLst>
              <a:ext uri="{FF2B5EF4-FFF2-40B4-BE49-F238E27FC236}">
                <a16:creationId xmlns:a16="http://schemas.microsoft.com/office/drawing/2014/main" id="{0B6B8038-B0C7-45CB-A6FE-B829C40BD05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4A195DE7-24E3-4551-BCF7-2A2EEAB1E95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38" y="973030"/>
            <a:ext cx="10825162" cy="1032877"/>
          </a:xfrm>
          <a:prstGeom prst="rect">
            <a:avLst/>
          </a:prstGeom>
        </p:spPr>
      </p:pic>
      <p:pic>
        <p:nvPicPr>
          <p:cNvPr id="11" name="EkstralogoBottomimage">
            <a:extLst>
              <a:ext uri="{FF2B5EF4-FFF2-40B4-BE49-F238E27FC236}">
                <a16:creationId xmlns:a16="http://schemas.microsoft.com/office/drawing/2014/main" id="{DF863928-1AEE-A8AF-3029-2DB48958B423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2" name="EkstralogoTopimage">
            <a:extLst>
              <a:ext uri="{FF2B5EF4-FFF2-40B4-BE49-F238E27FC236}">
                <a16:creationId xmlns:a16="http://schemas.microsoft.com/office/drawing/2014/main" id="{A8D44FC6-4EFB-3EBA-41A8-FDD34DAD004F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  <p:sp>
        <p:nvSpPr>
          <p:cNvPr id="14" name="Dato">
            <a:extLst>
              <a:ext uri="{FF2B5EF4-FFF2-40B4-BE49-F238E27FC236}">
                <a16:creationId xmlns:a16="http://schemas.microsoft.com/office/drawing/2014/main" id="{AF4ABE16-6704-95FA-688C-2E94AF97A7C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15" name="Virksomhed">
            <a:extLst>
              <a:ext uri="{FF2B5EF4-FFF2-40B4-BE49-F238E27FC236}">
                <a16:creationId xmlns:a16="http://schemas.microsoft.com/office/drawing/2014/main" id="{F55AE61D-487F-F24F-36C6-973CFDF1739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6" name="CenterFreeText">
            <a:extLst>
              <a:ext uri="{FF2B5EF4-FFF2-40B4-BE49-F238E27FC236}">
                <a16:creationId xmlns:a16="http://schemas.microsoft.com/office/drawing/2014/main" id="{01DDD14A-4869-B34E-055E-D6CCA01DD93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7" name="Center">
            <a:extLst>
              <a:ext uri="{FF2B5EF4-FFF2-40B4-BE49-F238E27FC236}">
                <a16:creationId xmlns:a16="http://schemas.microsoft.com/office/drawing/2014/main" id="{AC25ACD3-76B3-5510-371A-9A38887359A1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7" name="Billede 26">
            <a:extLst>
              <a:ext uri="{FF2B5EF4-FFF2-40B4-BE49-F238E27FC236}">
                <a16:creationId xmlns:a16="http://schemas.microsoft.com/office/drawing/2014/main" id="{A6CA117F-B419-4B27-AD10-AB28D258DFC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38" y="5842328"/>
            <a:ext cx="10825162" cy="1032876"/>
          </a:xfrm>
          <a:prstGeom prst="rect">
            <a:avLst/>
          </a:prstGeom>
        </p:spPr>
      </p:pic>
      <p:sp>
        <p:nvSpPr>
          <p:cNvPr id="21" name="Rektangel 20">
            <a:extLst>
              <a:ext uri="{FF2B5EF4-FFF2-40B4-BE49-F238E27FC236}">
                <a16:creationId xmlns:a16="http://schemas.microsoft.com/office/drawing/2014/main" id="{F53687A4-5E98-4574-A77B-34F679561701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0FF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567F43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pic>
        <p:nvPicPr>
          <p:cNvPr id="2" name="Logoimage">
            <a:extLst>
              <a:ext uri="{FF2B5EF4-FFF2-40B4-BE49-F238E27FC236}">
                <a16:creationId xmlns:a16="http://schemas.microsoft.com/office/drawing/2014/main" id="{C71F552F-42FB-6E9C-724E-8B9FC03AA27E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4" name="Region">
            <a:extLst>
              <a:ext uri="{FF2B5EF4-FFF2-40B4-BE49-F238E27FC236}">
                <a16:creationId xmlns:a16="http://schemas.microsoft.com/office/drawing/2014/main" id="{D959EC89-31A9-F6FA-4497-E27F2145B5D7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0" name="EkstralogoBottomimage">
            <a:extLst>
              <a:ext uri="{FF2B5EF4-FFF2-40B4-BE49-F238E27FC236}">
                <a16:creationId xmlns:a16="http://schemas.microsoft.com/office/drawing/2014/main" id="{B9E46FDF-D60B-7458-A32F-F859CA305B61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2" name="EkstralogoTopimage">
            <a:extLst>
              <a:ext uri="{FF2B5EF4-FFF2-40B4-BE49-F238E27FC236}">
                <a16:creationId xmlns:a16="http://schemas.microsoft.com/office/drawing/2014/main" id="{96F4A668-F09E-C797-421B-47D519AC086D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  <p:sp>
        <p:nvSpPr>
          <p:cNvPr id="5" name="PresentationTitle">
            <a:extLst>
              <a:ext uri="{FF2B5EF4-FFF2-40B4-BE49-F238E27FC236}">
                <a16:creationId xmlns:a16="http://schemas.microsoft.com/office/drawing/2014/main" id="{7BF3DDB3-AB9D-051E-5FC7-241B4B95DFD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3" name="Navn">
            <a:extLst>
              <a:ext uri="{FF2B5EF4-FFF2-40B4-BE49-F238E27FC236}">
                <a16:creationId xmlns:a16="http://schemas.microsoft.com/office/drawing/2014/main" id="{E456F7D3-D3C9-94D6-2819-F7F75B1C9C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14" name="Dato">
            <a:extLst>
              <a:ext uri="{FF2B5EF4-FFF2-40B4-BE49-F238E27FC236}">
                <a16:creationId xmlns:a16="http://schemas.microsoft.com/office/drawing/2014/main" id="{C75406A0-2F9A-9270-C6E1-B7F544E73E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15" name="Virksomhed">
            <a:extLst>
              <a:ext uri="{FF2B5EF4-FFF2-40B4-BE49-F238E27FC236}">
                <a16:creationId xmlns:a16="http://schemas.microsoft.com/office/drawing/2014/main" id="{BE44A1BF-7130-DC03-720D-EB42706CBF2C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7" name="CenterFreeText">
            <a:extLst>
              <a:ext uri="{FF2B5EF4-FFF2-40B4-BE49-F238E27FC236}">
                <a16:creationId xmlns:a16="http://schemas.microsoft.com/office/drawing/2014/main" id="{95C64EB1-6052-92F5-BD62-181BC5DE548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8" name="Center">
            <a:extLst>
              <a:ext uri="{FF2B5EF4-FFF2-40B4-BE49-F238E27FC236}">
                <a16:creationId xmlns:a16="http://schemas.microsoft.com/office/drawing/2014/main" id="{E9201177-44ED-037E-9458-5EF6B6032447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ktangel 23">
            <a:extLst>
              <a:ext uri="{FF2B5EF4-FFF2-40B4-BE49-F238E27FC236}">
                <a16:creationId xmlns:a16="http://schemas.microsoft.com/office/drawing/2014/main" id="{958CA5C5-5CA3-4365-BD14-AC9883BB4C18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0FF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23" name="Billede 22">
            <a:extLst>
              <a:ext uri="{FF2B5EF4-FFF2-40B4-BE49-F238E27FC236}">
                <a16:creationId xmlns:a16="http://schemas.microsoft.com/office/drawing/2014/main" id="{23238A29-3C02-444C-8FB5-D4E3C3B6BF8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38" y="5842328"/>
            <a:ext cx="10825162" cy="1032876"/>
          </a:xfrm>
          <a:prstGeom prst="rect">
            <a:avLst/>
          </a:prstGeom>
        </p:spPr>
      </p:pic>
      <p:sp>
        <p:nvSpPr>
          <p:cNvPr id="25" name="Pladsholder til diasnummer 5">
            <a:extLst>
              <a:ext uri="{FF2B5EF4-FFF2-40B4-BE49-F238E27FC236}">
                <a16:creationId xmlns:a16="http://schemas.microsoft.com/office/drawing/2014/main" id="{DA35C750-FABA-4C3C-BF94-2A5B0D47F5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567F43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5" name="Logoimage">
            <a:extLst>
              <a:ext uri="{FF2B5EF4-FFF2-40B4-BE49-F238E27FC236}">
                <a16:creationId xmlns:a16="http://schemas.microsoft.com/office/drawing/2014/main" id="{AC435B80-09D3-D8D1-6E55-00DDC830BF91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6" name="Region">
            <a:extLst>
              <a:ext uri="{FF2B5EF4-FFF2-40B4-BE49-F238E27FC236}">
                <a16:creationId xmlns:a16="http://schemas.microsoft.com/office/drawing/2014/main" id="{A6757385-2C85-51C6-69FB-0A59A221929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7" name="EkstralogoBottomimage">
            <a:extLst>
              <a:ext uri="{FF2B5EF4-FFF2-40B4-BE49-F238E27FC236}">
                <a16:creationId xmlns:a16="http://schemas.microsoft.com/office/drawing/2014/main" id="{2DD649CF-CA3E-5E09-2459-9E0FA80EABE0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8" name="EkstralogoTopimage">
            <a:extLst>
              <a:ext uri="{FF2B5EF4-FFF2-40B4-BE49-F238E27FC236}">
                <a16:creationId xmlns:a16="http://schemas.microsoft.com/office/drawing/2014/main" id="{8E19C368-4EAA-8A66-18CA-177633D90C32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  <p:sp>
        <p:nvSpPr>
          <p:cNvPr id="20" name="Navn">
            <a:extLst>
              <a:ext uri="{FF2B5EF4-FFF2-40B4-BE49-F238E27FC236}">
                <a16:creationId xmlns:a16="http://schemas.microsoft.com/office/drawing/2014/main" id="{491BB820-E8C8-5A11-3D17-67107A37E7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2" name="Dato">
            <a:extLst>
              <a:ext uri="{FF2B5EF4-FFF2-40B4-BE49-F238E27FC236}">
                <a16:creationId xmlns:a16="http://schemas.microsoft.com/office/drawing/2014/main" id="{B8B66A09-85F2-5842-264B-9AD6BDDD68C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8" name="Virksomhed">
            <a:extLst>
              <a:ext uri="{FF2B5EF4-FFF2-40B4-BE49-F238E27FC236}">
                <a16:creationId xmlns:a16="http://schemas.microsoft.com/office/drawing/2014/main" id="{B173565D-BC20-82E4-2EAA-4104AD365B16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4" name="PresentationTitle">
            <a:extLst>
              <a:ext uri="{FF2B5EF4-FFF2-40B4-BE49-F238E27FC236}">
                <a16:creationId xmlns:a16="http://schemas.microsoft.com/office/drawing/2014/main" id="{B058F916-EB93-191B-2A61-FC5FA3B2A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5" name="CenterFreeText">
            <a:extLst>
              <a:ext uri="{FF2B5EF4-FFF2-40B4-BE49-F238E27FC236}">
                <a16:creationId xmlns:a16="http://schemas.microsoft.com/office/drawing/2014/main" id="{4501873C-1D76-A2E1-A7B2-A4AA154EE818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6" name="Center">
            <a:extLst>
              <a:ext uri="{FF2B5EF4-FFF2-40B4-BE49-F238E27FC236}">
                <a16:creationId xmlns:a16="http://schemas.microsoft.com/office/drawing/2014/main" id="{E6637566-2DAB-1C37-7AAA-ACDAB196657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Billede 21">
            <a:extLst>
              <a:ext uri="{FF2B5EF4-FFF2-40B4-BE49-F238E27FC236}">
                <a16:creationId xmlns:a16="http://schemas.microsoft.com/office/drawing/2014/main" id="{5D4EB672-DAFB-4065-BE4D-ACA24EA2A06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38" y="5842328"/>
            <a:ext cx="10825162" cy="1032876"/>
          </a:xfrm>
          <a:prstGeom prst="rect">
            <a:avLst/>
          </a:prstGeom>
        </p:spPr>
      </p:pic>
      <p:sp>
        <p:nvSpPr>
          <p:cNvPr id="23" name="Rektangel 22">
            <a:extLst>
              <a:ext uri="{FF2B5EF4-FFF2-40B4-BE49-F238E27FC236}">
                <a16:creationId xmlns:a16="http://schemas.microsoft.com/office/drawing/2014/main" id="{129C4943-9381-4160-B9A7-CB7597AC1E05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0FF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4" name="Pladsholder til diasnummer 5">
            <a:extLst>
              <a:ext uri="{FF2B5EF4-FFF2-40B4-BE49-F238E27FC236}">
                <a16:creationId xmlns:a16="http://schemas.microsoft.com/office/drawing/2014/main" id="{A4253A9E-C990-4EF2-97EE-16B9419EB4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567F43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3" name="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4" name="Logoimage">
            <a:extLst>
              <a:ext uri="{FF2B5EF4-FFF2-40B4-BE49-F238E27FC236}">
                <a16:creationId xmlns:a16="http://schemas.microsoft.com/office/drawing/2014/main" id="{0466759C-AA02-B483-4AD3-BF8EDC963152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5" name="Region">
            <a:extLst>
              <a:ext uri="{FF2B5EF4-FFF2-40B4-BE49-F238E27FC236}">
                <a16:creationId xmlns:a16="http://schemas.microsoft.com/office/drawing/2014/main" id="{29F22948-A344-21FB-FEC8-79C9A7EA808B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6" name="EkstralogoBottomimage">
            <a:extLst>
              <a:ext uri="{FF2B5EF4-FFF2-40B4-BE49-F238E27FC236}">
                <a16:creationId xmlns:a16="http://schemas.microsoft.com/office/drawing/2014/main" id="{A39FF95E-A7D4-8AED-D820-7E87B5F522C9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7" name="EkstralogoTopimage">
            <a:extLst>
              <a:ext uri="{FF2B5EF4-FFF2-40B4-BE49-F238E27FC236}">
                <a16:creationId xmlns:a16="http://schemas.microsoft.com/office/drawing/2014/main" id="{008BEDAB-0835-6368-FA3C-6F6F78A6C0BD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  <p:sp>
        <p:nvSpPr>
          <p:cNvPr id="14" name="Navn">
            <a:extLst>
              <a:ext uri="{FF2B5EF4-FFF2-40B4-BE49-F238E27FC236}">
                <a16:creationId xmlns:a16="http://schemas.microsoft.com/office/drawing/2014/main" id="{164C36A0-2217-E4FD-8338-2D3C1E624C3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15" name="Dato">
            <a:extLst>
              <a:ext uri="{FF2B5EF4-FFF2-40B4-BE49-F238E27FC236}">
                <a16:creationId xmlns:a16="http://schemas.microsoft.com/office/drawing/2014/main" id="{6F69D2C1-6BDF-8042-EDF3-58AB0C2DD55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16" name="Virksomhed">
            <a:extLst>
              <a:ext uri="{FF2B5EF4-FFF2-40B4-BE49-F238E27FC236}">
                <a16:creationId xmlns:a16="http://schemas.microsoft.com/office/drawing/2014/main" id="{CDCECEF4-8922-EF29-03CC-22F0412A68EA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9" name="PresentationTitle">
            <a:extLst>
              <a:ext uri="{FF2B5EF4-FFF2-40B4-BE49-F238E27FC236}">
                <a16:creationId xmlns:a16="http://schemas.microsoft.com/office/drawing/2014/main" id="{9E3E858B-BA54-9CA5-C355-D71D53C3CF4B}"/>
              </a:ext>
            </a:extLst>
          </p:cNvPr>
          <p:cNvSpPr txBox="1"/>
          <p:nvPr userDrawn="1"/>
        </p:nvSpPr>
        <p:spPr>
          <a:xfrm>
            <a:off x="1520400" y="64416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0" name="CenterFreeText">
            <a:extLst>
              <a:ext uri="{FF2B5EF4-FFF2-40B4-BE49-F238E27FC236}">
                <a16:creationId xmlns:a16="http://schemas.microsoft.com/office/drawing/2014/main" id="{34A05C10-140B-27A3-B4DC-164C9CD857E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Center">
            <a:extLst>
              <a:ext uri="{FF2B5EF4-FFF2-40B4-BE49-F238E27FC236}">
                <a16:creationId xmlns:a16="http://schemas.microsoft.com/office/drawing/2014/main" id="{8886334E-5F2A-2038-0000-1DC1A1FAC1FC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Billede 21">
            <a:extLst>
              <a:ext uri="{FF2B5EF4-FFF2-40B4-BE49-F238E27FC236}">
                <a16:creationId xmlns:a16="http://schemas.microsoft.com/office/drawing/2014/main" id="{05EEE254-C792-45B0-8DCC-0E8D4BF6152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38" y="5842328"/>
            <a:ext cx="10825162" cy="1032876"/>
          </a:xfrm>
          <a:prstGeom prst="rect">
            <a:avLst/>
          </a:prstGeom>
        </p:spPr>
      </p:pic>
      <p:sp>
        <p:nvSpPr>
          <p:cNvPr id="23" name="Rektangel 22">
            <a:extLst>
              <a:ext uri="{FF2B5EF4-FFF2-40B4-BE49-F238E27FC236}">
                <a16:creationId xmlns:a16="http://schemas.microsoft.com/office/drawing/2014/main" id="{2483E305-2B64-4EDD-AA0D-ED0F81594801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0FF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4" name="Pladsholder til diasnummer 5">
            <a:extLst>
              <a:ext uri="{FF2B5EF4-FFF2-40B4-BE49-F238E27FC236}">
                <a16:creationId xmlns:a16="http://schemas.microsoft.com/office/drawing/2014/main" id="{1CCF771B-5D89-4DCB-AE95-14F8889247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567F43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4" name="Logoimage">
            <a:extLst>
              <a:ext uri="{FF2B5EF4-FFF2-40B4-BE49-F238E27FC236}">
                <a16:creationId xmlns:a16="http://schemas.microsoft.com/office/drawing/2014/main" id="{D05BE460-E9AD-EDBA-D3E3-9D36F2343CC2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5" name="EkstralogoBottomimage">
            <a:extLst>
              <a:ext uri="{FF2B5EF4-FFF2-40B4-BE49-F238E27FC236}">
                <a16:creationId xmlns:a16="http://schemas.microsoft.com/office/drawing/2014/main" id="{D651CC08-DE58-27B2-FB77-7E94DDA55D62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3" name="EkstralogoTopimage">
            <a:extLst>
              <a:ext uri="{FF2B5EF4-FFF2-40B4-BE49-F238E27FC236}">
                <a16:creationId xmlns:a16="http://schemas.microsoft.com/office/drawing/2014/main" id="{EAA4FF47-D83B-D499-E62C-3B8ADFAFAE36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  <p:sp>
        <p:nvSpPr>
          <p:cNvPr id="6" name="Navn">
            <a:extLst>
              <a:ext uri="{FF2B5EF4-FFF2-40B4-BE49-F238E27FC236}">
                <a16:creationId xmlns:a16="http://schemas.microsoft.com/office/drawing/2014/main" id="{25D9500E-4C4E-B636-A61C-9844A0188C4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7" name="Dato">
            <a:extLst>
              <a:ext uri="{FF2B5EF4-FFF2-40B4-BE49-F238E27FC236}">
                <a16:creationId xmlns:a16="http://schemas.microsoft.com/office/drawing/2014/main" id="{E08058D5-C98C-F568-F63C-460C2E110B83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14" name="Virksomhed">
            <a:extLst>
              <a:ext uri="{FF2B5EF4-FFF2-40B4-BE49-F238E27FC236}">
                <a16:creationId xmlns:a16="http://schemas.microsoft.com/office/drawing/2014/main" id="{147965D0-B048-0DC4-A78B-A5549DF8B0BC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8" name="PresentationTitle">
            <a:extLst>
              <a:ext uri="{FF2B5EF4-FFF2-40B4-BE49-F238E27FC236}">
                <a16:creationId xmlns:a16="http://schemas.microsoft.com/office/drawing/2014/main" id="{28F2018D-6E7C-6083-9144-18C7B350E76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9" name="CenterFreeText">
            <a:extLst>
              <a:ext uri="{FF2B5EF4-FFF2-40B4-BE49-F238E27FC236}">
                <a16:creationId xmlns:a16="http://schemas.microsoft.com/office/drawing/2014/main" id="{98476F95-73CF-E017-C1AD-857B0846E70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Center">
            <a:extLst>
              <a:ext uri="{FF2B5EF4-FFF2-40B4-BE49-F238E27FC236}">
                <a16:creationId xmlns:a16="http://schemas.microsoft.com/office/drawing/2014/main" id="{25912B51-DF27-5D3F-290E-78C8FEA9D38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dt billedform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Pladsholder til billede 2">
            <a:extLst>
              <a:ext uri="{FF2B5EF4-FFF2-40B4-BE49-F238E27FC236}">
                <a16:creationId xmlns:a16="http://schemas.microsoft.com/office/drawing/2014/main" id="{C870A587-0A3A-42CA-9458-234900FF9E4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1"/>
            <a:ext cx="12191999" cy="6858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</p:spTree>
    <p:extLst>
      <p:ext uri="{BB962C8B-B14F-4D97-AF65-F5344CB8AC3E}">
        <p14:creationId xmlns:p14="http://schemas.microsoft.com/office/powerpoint/2010/main" val="250935777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9" r:id="rId3"/>
    <p:sldLayoutId id="2147483660" r:id="rId4"/>
    <p:sldLayoutId id="2147483664" r:id="rId5"/>
    <p:sldLayoutId id="2147483675" r:id="rId6"/>
    <p:sldLayoutId id="2147483667" r:id="rId7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6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7.xml"/><Relationship Id="rId7" Type="http://schemas.microsoft.com/office/2007/relationships/diagramDrawing" Target="../diagrams/drawing7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7.xml"/><Relationship Id="rId5" Type="http://schemas.openxmlformats.org/officeDocument/2006/relationships/diagramQuickStyle" Target="../diagrams/quickStyle7.xml"/><Relationship Id="rId4" Type="http://schemas.openxmlformats.org/officeDocument/2006/relationships/diagramLayout" Target="../diagrams/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5.xml"/><Relationship Id="rId5" Type="http://schemas.openxmlformats.org/officeDocument/2006/relationships/notesSlide" Target="../notesSlides/notesSlide9.xml"/><Relationship Id="rId4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2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8.xml"/><Relationship Id="rId7" Type="http://schemas.microsoft.com/office/2007/relationships/diagramDrawing" Target="../diagrams/drawing8.xm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8.xml"/><Relationship Id="rId5" Type="http://schemas.openxmlformats.org/officeDocument/2006/relationships/diagramQuickStyle" Target="../diagrams/quickStyle8.xml"/><Relationship Id="rId4" Type="http://schemas.openxmlformats.org/officeDocument/2006/relationships/diagramLayout" Target="../diagrams/layout8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9.xml"/><Relationship Id="rId7" Type="http://schemas.microsoft.com/office/2007/relationships/diagramDrawing" Target="../diagrams/drawing9.xm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9.xml"/><Relationship Id="rId5" Type="http://schemas.openxmlformats.org/officeDocument/2006/relationships/diagramQuickStyle" Target="../diagrams/quickStyle9.xml"/><Relationship Id="rId4" Type="http://schemas.openxmlformats.org/officeDocument/2006/relationships/diagramLayout" Target="../diagrams/layout9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hyperlink" Target="https://lungemedicin.dk/pleurainfektion/" TargetMode="External"/><Relationship Id="rId2" Type="http://schemas.openxmlformats.org/officeDocument/2006/relationships/hyperlink" Target="https://lungemedicin.dk/pneumothorax/" TargetMode="Externa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www.vingmed.dk/products/rocket-draenagesystem/" TargetMode="External"/><Relationship Id="rId4" Type="http://schemas.openxmlformats.org/officeDocument/2006/relationships/hyperlink" Target="https://thoraxkirurgi.dk/nbv/pneumothorax/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7.png"/><Relationship Id="rId4" Type="http://schemas.microsoft.com/office/2007/relationships/hdphoto" Target="../media/hdphoto1.wdp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3.xml"/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12" Type="http://schemas.microsoft.com/office/2007/relationships/diagramDrawing" Target="../diagrams/drawing3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2.xml"/><Relationship Id="rId11" Type="http://schemas.openxmlformats.org/officeDocument/2006/relationships/diagramColors" Target="../diagrams/colors3.xml"/><Relationship Id="rId5" Type="http://schemas.openxmlformats.org/officeDocument/2006/relationships/diagramQuickStyle" Target="../diagrams/quickStyle2.xml"/><Relationship Id="rId10" Type="http://schemas.openxmlformats.org/officeDocument/2006/relationships/diagramQuickStyle" Target="../diagrams/quickStyle3.xml"/><Relationship Id="rId4" Type="http://schemas.openxmlformats.org/officeDocument/2006/relationships/diagramLayout" Target="../diagrams/layout2.xml"/><Relationship Id="rId9" Type="http://schemas.openxmlformats.org/officeDocument/2006/relationships/diagramLayout" Target="../diagrams/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4.xml"/><Relationship Id="rId7" Type="http://schemas.microsoft.com/office/2007/relationships/diagramDrawing" Target="../diagrams/drawing4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4.xml"/><Relationship Id="rId5" Type="http://schemas.openxmlformats.org/officeDocument/2006/relationships/diagramQuickStyle" Target="../diagrams/quickStyle4.xml"/><Relationship Id="rId4" Type="http://schemas.openxmlformats.org/officeDocument/2006/relationships/diagramLayout" Target="../diagrams/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5.xml"/><Relationship Id="rId5" Type="http://schemas.openxmlformats.org/officeDocument/2006/relationships/diagramQuickStyle" Target="../diagrams/quickStyle5.xml"/><Relationship Id="rId4" Type="http://schemas.openxmlformats.org/officeDocument/2006/relationships/diagramLayout" Target="../diagrams/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6.xml"/><Relationship Id="rId7" Type="http://schemas.microsoft.com/office/2007/relationships/diagramDrawing" Target="../diagrams/drawing6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6.xml"/><Relationship Id="rId5" Type="http://schemas.openxmlformats.org/officeDocument/2006/relationships/diagramQuickStyle" Target="../diagrams/quickStyle6.xml"/><Relationship Id="rId4" Type="http://schemas.openxmlformats.org/officeDocument/2006/relationships/diagramLayout" Target="../diagrams/layout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399F01D-1F52-470A-9F41-151D1BCD7F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leuradræn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859F7830-B7B2-40F5-A4BA-7285162DA89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agligt selskab for Lunge- og Allergisygeplejersker, FSLA </a:t>
            </a:r>
          </a:p>
          <a:p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arts 2025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24EBEB-D18A-47BE-8B7C-2F69383059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9188BF3-46E2-42BF-AD97-F157446E25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D088A4B-6924-4285-948E-94CF7CD2E6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34290404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8B36FD3-9D73-7CA9-3612-C22CE4B350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Indikation for </a:t>
            </a:r>
            <a:r>
              <a:rPr lang="da-DK" dirty="0" err="1">
                <a:latin typeface="Calibri" panose="020F0502020204030204" pitchFamily="34" charset="0"/>
                <a:cs typeface="Calibri" panose="020F0502020204030204" pitchFamily="34" charset="0"/>
              </a:rPr>
              <a:t>seponering</a:t>
            </a:r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 af </a:t>
            </a:r>
            <a:r>
              <a:rPr lang="da-DK" dirty="0" err="1">
                <a:latin typeface="Calibri" panose="020F0502020204030204" pitchFamily="34" charset="0"/>
                <a:cs typeface="Calibri" panose="020F0502020204030204" pitchFamily="34" charset="0"/>
              </a:rPr>
              <a:t>pleuradræn</a:t>
            </a:r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 – Pneumothorax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E7E4EE3-275D-AEA9-6302-06A66A75E0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0</a:t>
            </a:fld>
            <a:endParaRPr lang="da-DK" dirty="0"/>
          </a:p>
        </p:txBody>
      </p:sp>
      <p:graphicFrame>
        <p:nvGraphicFramePr>
          <p:cNvPr id="5" name="Pladsholder til indhold 3">
            <a:extLst>
              <a:ext uri="{FF2B5EF4-FFF2-40B4-BE49-F238E27FC236}">
                <a16:creationId xmlns:a16="http://schemas.microsoft.com/office/drawing/2014/main" id="{64CA59B6-5992-9A58-6127-127A731FF08C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158202546"/>
              </p:ext>
            </p:extLst>
          </p:nvPr>
        </p:nvGraphicFramePr>
        <p:xfrm>
          <a:off x="1271464" y="1988840"/>
          <a:ext cx="10136614" cy="34988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2899403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399F01D-1F52-470A-9F41-151D1BCD7F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Sygepleje til patienten med </a:t>
            </a:r>
            <a:r>
              <a:rPr lang="da-DK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leuradræn</a:t>
            </a:r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under indlæggelse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24EBEB-D18A-47BE-8B7C-2F69383059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9188BF3-46E2-42BF-AD97-F157446E25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D088A4B-6924-4285-948E-94CF7CD2E6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11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7736156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4ED1C64-686C-72BF-6967-F01333A8DB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Dokumentation og observation af </a:t>
            </a:r>
            <a:b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dræn i SP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B279886-BBA8-1CB7-7F4F-829F1608CE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955D2DF-3B44-05E6-1EC8-483DE6FF5811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>
              <a:buClr>
                <a:srgbClr val="222222"/>
              </a:buClr>
            </a:pPr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Væskeproduktion pr. ml </a:t>
            </a:r>
          </a:p>
          <a:p>
            <a:pPr>
              <a:buClr>
                <a:srgbClr val="222222"/>
              </a:buClr>
            </a:pPr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Luftproduktion </a:t>
            </a:r>
          </a:p>
          <a:p>
            <a:pPr>
              <a:buClr>
                <a:srgbClr val="222222"/>
              </a:buClr>
            </a:pPr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Sug (-cm sug) </a:t>
            </a:r>
          </a:p>
          <a:p>
            <a:pPr>
              <a:buClr>
                <a:srgbClr val="222222"/>
              </a:buClr>
            </a:pPr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Forbindingsstatus</a:t>
            </a:r>
          </a:p>
          <a:p>
            <a:pPr>
              <a:buClr>
                <a:srgbClr val="222222"/>
              </a:buClr>
            </a:pPr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Hud og </a:t>
            </a:r>
            <a:r>
              <a:rPr lang="da-DK" dirty="0" err="1">
                <a:latin typeface="Calibri" panose="020F0502020204030204" pitchFamily="34" charset="0"/>
                <a:cs typeface="Calibri" panose="020F0502020204030204" pitchFamily="34" charset="0"/>
              </a:rPr>
              <a:t>indstiksted</a:t>
            </a:r>
            <a:endParaRPr lang="da-DK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0" indent="0">
              <a:buClr>
                <a:srgbClr val="222222"/>
              </a:buClr>
              <a:buNone/>
            </a:pPr>
            <a:endParaRPr lang="da-DK" dirty="0"/>
          </a:p>
          <a:p>
            <a:pPr>
              <a:buClr>
                <a:srgbClr val="222222"/>
              </a:buClr>
            </a:pPr>
            <a:endParaRPr lang="da-DK" dirty="0"/>
          </a:p>
        </p:txBody>
      </p:sp>
      <p:pic>
        <p:nvPicPr>
          <p:cNvPr id="7" name="Billede 6" descr="Et billede, der indeholder tekst, skærmbillede, nummer/tal, Font/skrifttype&#10;&#10;Automatisk genereret beskrivelse">
            <a:extLst>
              <a:ext uri="{FF2B5EF4-FFF2-40B4-BE49-F238E27FC236}">
                <a16:creationId xmlns:a16="http://schemas.microsoft.com/office/drawing/2014/main" id="{7646424C-EFC3-BB2A-F585-CD1C70AB46BF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7732"/>
          <a:stretch/>
        </p:blipFill>
        <p:spPr>
          <a:xfrm>
            <a:off x="7104112" y="1052736"/>
            <a:ext cx="3240360" cy="4320480"/>
          </a:xfrm>
          <a:prstGeom prst="rect">
            <a:avLst/>
          </a:prstGeom>
        </p:spPr>
      </p:pic>
      <p:pic>
        <p:nvPicPr>
          <p:cNvPr id="5" name="Picture 8">
            <a:extLst>
              <a:ext uri="{FF2B5EF4-FFF2-40B4-BE49-F238E27FC236}">
                <a16:creationId xmlns:a16="http://schemas.microsoft.com/office/drawing/2014/main" id="{71A1BA8B-F5CE-BDF5-7BA8-6042DE3577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95800" y="2708920"/>
            <a:ext cx="2338154" cy="17536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3867124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1E3187E-B501-DD14-3C74-5305A53888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828000"/>
          </a:xfrm>
        </p:spPr>
        <p:txBody>
          <a:bodyPr anchor="b">
            <a:normAutofit/>
          </a:bodyPr>
          <a:lstStyle/>
          <a:p>
            <a:r>
              <a:rPr lang="da-DK" sz="30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Smerter og mobilisering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B9E6AE44-C820-2805-281D-B425808096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13</a:t>
            </a:fld>
            <a:endParaRPr lang="da-DK"/>
          </a:p>
        </p:txBody>
      </p:sp>
      <p:graphicFrame>
        <p:nvGraphicFramePr>
          <p:cNvPr id="6" name="Pladsholder til indhold 3">
            <a:extLst>
              <a:ext uri="{FF2B5EF4-FFF2-40B4-BE49-F238E27FC236}">
                <a16:creationId xmlns:a16="http://schemas.microsoft.com/office/drawing/2014/main" id="{5667EB26-CE4D-85C8-BE03-6732CF9EBDA0}"/>
              </a:ext>
            </a:extLst>
          </p:cNvPr>
          <p:cNvGraphicFramePr>
            <a:graphicFrameLocks noGrp="1"/>
          </p:cNvGraphicFramePr>
          <p:nvPr>
            <p:ph sz="quarter" idx="13"/>
            <p:extLst>
              <p:ext uri="{D42A27DB-BD31-4B8C-83A1-F6EECF244321}">
                <p14:modId xmlns:p14="http://schemas.microsoft.com/office/powerpoint/2010/main" val="2518337341"/>
              </p:ext>
            </p:extLst>
          </p:nvPr>
        </p:nvGraphicFramePr>
        <p:xfrm>
          <a:off x="-644788" y="1906778"/>
          <a:ext cx="13481575" cy="46905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92871626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95C8088-3DE7-0731-A6E8-9A0D91F29A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6837" y="871200"/>
            <a:ext cx="10137775" cy="828000"/>
          </a:xfrm>
        </p:spPr>
        <p:txBody>
          <a:bodyPr anchor="b">
            <a:normAutofit/>
          </a:bodyPr>
          <a:lstStyle/>
          <a:p>
            <a:r>
              <a:rPr lang="da-DK" i="0" u="none" strike="noStrike" baseline="0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</a:t>
            </a:r>
            <a:r>
              <a:rPr lang="da-DK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n</a:t>
            </a:r>
            <a:r>
              <a:rPr lang="da-DK" i="0" u="none" strike="noStrike" baseline="0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rapleural</a:t>
            </a:r>
            <a:r>
              <a:rPr lang="da-DK" i="0" u="none" strike="noStrike" baseline="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terapi</a:t>
            </a:r>
            <a:endParaRPr lang="da-DK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4FCB7135-F6F3-C525-3065-77EF8DEF2B6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9773" y="1989139"/>
            <a:ext cx="4398552" cy="3498850"/>
          </a:xfrm>
          <a:prstGeom prst="rect">
            <a:avLst/>
          </a:prstGeom>
          <a:noFill/>
        </p:spPr>
      </p:pic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DC1F7C0D-40B3-A5A2-FAB2-A5E89C2B9BB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580188" y="1989139"/>
            <a:ext cx="4924424" cy="3500776"/>
          </a:xfrm>
        </p:spPr>
        <p:txBody>
          <a:bodyPr>
            <a:normAutofit/>
          </a:bodyPr>
          <a:lstStyle/>
          <a:p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Sygeplejersken klargør behandlingen af </a:t>
            </a:r>
            <a:r>
              <a:rPr lang="da-DK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ctilyse</a:t>
            </a:r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og </a:t>
            </a:r>
            <a:r>
              <a:rPr lang="da-DK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ulmozyme</a:t>
            </a:r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og administrerer dette. </a:t>
            </a:r>
          </a:p>
          <a:p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ør injektion: Sikre korrekt drænplacering, skyl med 20 ml NaCl, ingen sivning fra </a:t>
            </a:r>
            <a:r>
              <a:rPr lang="da-DK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ndstikstedet</a:t>
            </a:r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eller saltvandssmag i munden </a:t>
            </a:r>
          </a:p>
          <a:p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et injiceres gennem kateteret til </a:t>
            </a:r>
            <a:r>
              <a:rPr lang="da-DK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leurahulen</a:t>
            </a:r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, hvorefter drænet </a:t>
            </a:r>
            <a:r>
              <a:rPr lang="da-DK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fklemmes</a:t>
            </a:r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1 time og åbnes herefter 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B5DA2FA8-C599-D114-A764-C3A0284626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1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951290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530D54E-2C85-7348-4D80-56532962A0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828000"/>
          </a:xfrm>
        </p:spPr>
        <p:txBody>
          <a:bodyPr anchor="b">
            <a:normAutofit/>
          </a:bodyPr>
          <a:lstStyle/>
          <a:p>
            <a:r>
              <a:rPr lang="da-DK" dirty="0"/>
              <a:t>Seponering af dræn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7E155044-440C-2A85-8C7B-EF02DC52F1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15</a:t>
            </a:fld>
            <a:endParaRPr lang="da-DK"/>
          </a:p>
        </p:txBody>
      </p:sp>
      <p:graphicFrame>
        <p:nvGraphicFramePr>
          <p:cNvPr id="6" name="Pladsholder til indhold 3">
            <a:extLst>
              <a:ext uri="{FF2B5EF4-FFF2-40B4-BE49-F238E27FC236}">
                <a16:creationId xmlns:a16="http://schemas.microsoft.com/office/drawing/2014/main" id="{C997F6DD-C758-4826-1653-E06D588E6428}"/>
              </a:ext>
            </a:extLst>
          </p:cNvPr>
          <p:cNvGraphicFramePr>
            <a:graphicFrameLocks noGrp="1"/>
          </p:cNvGraphicFramePr>
          <p:nvPr>
            <p:ph sz="quarter" idx="13"/>
            <p:extLst>
              <p:ext uri="{D42A27DB-BD31-4B8C-83A1-F6EECF244321}">
                <p14:modId xmlns:p14="http://schemas.microsoft.com/office/powerpoint/2010/main" val="2971964915"/>
              </p:ext>
            </p:extLst>
          </p:nvPr>
        </p:nvGraphicFramePr>
        <p:xfrm>
          <a:off x="0" y="1989138"/>
          <a:ext cx="12191999" cy="399614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2745548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34B8CB7-E874-14F1-6FEC-AC9B9ED520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6837" y="871200"/>
            <a:ext cx="10137775" cy="828000"/>
          </a:xfrm>
        </p:spPr>
        <p:txBody>
          <a:bodyPr anchor="b">
            <a:normAutofit/>
          </a:bodyPr>
          <a:lstStyle/>
          <a:p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Opfølgning</a:t>
            </a:r>
            <a:r>
              <a:rPr lang="da-DK" dirty="0"/>
              <a:t> </a:t>
            </a:r>
          </a:p>
        </p:txBody>
      </p:sp>
      <p:pic>
        <p:nvPicPr>
          <p:cNvPr id="1026" name="Picture 2" descr="Konservativ behandling af moderat til stor primær spontan pneumothorax |  Ugeskriftet.dk">
            <a:extLst>
              <a:ext uri="{FF2B5EF4-FFF2-40B4-BE49-F238E27FC236}">
                <a16:creationId xmlns:a16="http://schemas.microsoft.com/office/drawing/2014/main" id="{439C1618-478E-0AC2-DF42-A6D0C2950E9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366837" y="2329217"/>
            <a:ext cx="4924425" cy="2818694"/>
          </a:xfrm>
          <a:prstGeom prst="rect">
            <a:avLst/>
          </a:prstGeom>
          <a:solidFill>
            <a:srgbClr val="FFFFFF"/>
          </a:solidFill>
        </p:spPr>
      </p:pic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40395D5C-3F9E-D2ED-CD3A-5E36859C26B0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580188" y="1989139"/>
            <a:ext cx="4924424" cy="3500776"/>
          </a:xfrm>
        </p:spPr>
        <p:txBody>
          <a:bodyPr>
            <a:normAutofit/>
          </a:bodyPr>
          <a:lstStyle/>
          <a:p>
            <a:r>
              <a:rPr lang="da-DK" sz="20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atienten informeres om at søge læge ved recidiv herunder feber, åndenød, </a:t>
            </a:r>
            <a:r>
              <a:rPr lang="da-DK" sz="2000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horaxsmerter</a:t>
            </a:r>
            <a:r>
              <a:rPr lang="da-DK" sz="20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eller ved forværret almen tilstand </a:t>
            </a:r>
          </a:p>
          <a:p>
            <a:r>
              <a:rPr lang="da-DK" sz="20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atienten skal opfølges fire uger efter udskrivelse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ACC16539-CC19-7FC4-D935-5915DF8E9E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1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5202045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A4852428-F7A1-78F2-0930-501917F055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17</a:t>
            </a:fld>
            <a:endParaRPr lang="da-DK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C85F79FA-8A96-FA49-B38E-0EE57732F59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27848" y="980728"/>
            <a:ext cx="2943940" cy="4582008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67003003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6BD0AF2-15FC-7FC5-C688-66980E40F7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ilder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D7A71DD-69FB-6408-1B4E-8AF8FC8FE7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8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06B71551-6C9E-3FE4-1175-7FBAAE8E3D73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/>
              <a:t>Pneumothorax – DLS: </a:t>
            </a:r>
            <a:r>
              <a:rPr lang="da-DK" dirty="0">
                <a:hlinkClick r:id="rId2"/>
              </a:rPr>
              <a:t>https://lungemedicin.dk/pneumothorax/</a:t>
            </a:r>
            <a:endParaRPr lang="da-DK" dirty="0"/>
          </a:p>
          <a:p>
            <a:pPr marL="0" indent="0">
              <a:buNone/>
            </a:pPr>
            <a:r>
              <a:rPr lang="da-DK" sz="1800" dirty="0" err="1"/>
              <a:t>Pleurainfektion</a:t>
            </a:r>
            <a:r>
              <a:rPr lang="da-DK" sz="1800" dirty="0"/>
              <a:t> – DLS: </a:t>
            </a:r>
            <a:r>
              <a:rPr lang="da-DK" sz="1800" b="0" i="0" u="none" strike="noStrike" baseline="0" dirty="0">
                <a:solidFill>
                  <a:srgbClr val="3498DB"/>
                </a:solidFill>
                <a:latin typeface="Verdana" panose="020B0604030504040204" pitchFamily="34" charset="0"/>
                <a:hlinkClick r:id="rId3"/>
              </a:rPr>
              <a:t>https://lungemedicin.dk/pleurainfektion/</a:t>
            </a:r>
            <a:endParaRPr lang="da-DK" sz="1800" b="0" i="0" u="none" strike="noStrike" baseline="0" dirty="0">
              <a:solidFill>
                <a:srgbClr val="3498DB"/>
              </a:solidFill>
              <a:latin typeface="Verdana" panose="020B0604030504040204" pitchFamily="34" charset="0"/>
            </a:endParaRPr>
          </a:p>
          <a:p>
            <a:pPr marL="0" indent="0">
              <a:buNone/>
            </a:pPr>
            <a:r>
              <a:rPr lang="da-DK" sz="1800" b="0" i="0" u="none" strike="noStrike" baseline="0" dirty="0">
                <a:solidFill>
                  <a:srgbClr val="222222"/>
                </a:solidFill>
                <a:latin typeface="Verdana" panose="020B0604030504040204" pitchFamily="34" charset="0"/>
              </a:rPr>
              <a:t>Dansk thoraxkirurgisk selskab: </a:t>
            </a:r>
            <a:r>
              <a:rPr lang="da-DK" sz="1800" u="sng" dirty="0">
                <a:solidFill>
                  <a:srgbClr val="0563C1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4"/>
              </a:rPr>
              <a:t>https://thoraxkirurgi.dk/nbv/pneumothorax/</a:t>
            </a:r>
            <a:endParaRPr lang="da-DK" sz="1800" u="sng" dirty="0">
              <a:solidFill>
                <a:srgbClr val="0563C1"/>
              </a:solidFill>
              <a:effectLst/>
              <a:latin typeface="Verdana" panose="020B060403050404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marL="0" indent="0">
              <a:buNone/>
            </a:pPr>
            <a:r>
              <a:rPr lang="da-DK" sz="1800" b="0" i="0" strike="noStrike" baseline="0" dirty="0">
                <a:latin typeface="Verdana" panose="020B0604030504040204" pitchFamily="34" charset="0"/>
                <a:cs typeface="Calibri" panose="020F0502020204030204" pitchFamily="34" charset="0"/>
              </a:rPr>
              <a:t>Vingmed</a:t>
            </a:r>
            <a:r>
              <a:rPr lang="da-DK" sz="1800" dirty="0">
                <a:latin typeface="Verdana" panose="020B0604030504040204" pitchFamily="34" charset="0"/>
                <a:cs typeface="Calibri" panose="020F0502020204030204" pitchFamily="34" charset="0"/>
              </a:rPr>
              <a:t>: </a:t>
            </a:r>
            <a:r>
              <a:rPr lang="da-DK" sz="1800" u="sng" dirty="0">
                <a:solidFill>
                  <a:srgbClr val="0563C1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hlinkClick r:id="rId5"/>
              </a:rPr>
              <a:t>https://www.vingmed.dk/products/rocket-draenagesystem/</a:t>
            </a:r>
            <a:endParaRPr lang="da-DK" sz="1800" u="sng" dirty="0">
              <a:solidFill>
                <a:srgbClr val="0563C1"/>
              </a:solidFill>
              <a:effectLst/>
              <a:latin typeface="Verdana" panose="020B0604030504040204" pitchFamily="34" charset="0"/>
              <a:ea typeface="Calibri" panose="020F0502020204030204" pitchFamily="34" charset="0"/>
            </a:endParaRPr>
          </a:p>
          <a:p>
            <a:pPr marL="0" indent="0">
              <a:buNone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VIP:</a:t>
            </a:r>
            <a:r>
              <a:rPr lang="da-DK" sz="1400" dirty="0">
                <a:solidFill>
                  <a:srgbClr val="0000FF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da-DK" sz="1100" b="0" i="0" dirty="0">
                <a:solidFill>
                  <a:srgbClr val="444444"/>
                </a:solidFill>
                <a:effectLst/>
                <a:latin typeface="tahoma" panose="020B0604030504040204" pitchFamily="34" charset="0"/>
              </a:rPr>
              <a:t>https://vip.regionh.dk/VIP/Admin/GUI.nsf/Desktop.html?open&amp;openlink=https://vip.regionh.dk/VIP/Slutbruger/Portal.nsf/Main.html?open&amp;unid=X7AACC23F2C0DCEDBC1257AF400346009&amp;level=1309&amp;dbpath=/VIP/Redaktoer/130962.nsf/&amp;windowwidth=1100&amp;windowheight=600&amp;windowtitle=S%F8g</a:t>
            </a:r>
          </a:p>
          <a:p>
            <a:pPr marL="0" indent="0">
              <a:buNone/>
            </a:pPr>
            <a:r>
              <a:rPr lang="da-DK" sz="1100" b="0" i="0" dirty="0">
                <a:solidFill>
                  <a:srgbClr val="444444"/>
                </a:solidFill>
                <a:effectLst/>
                <a:latin typeface="tahoma" panose="020B0604030504040204" pitchFamily="34" charset="0"/>
              </a:rPr>
              <a:t> </a:t>
            </a: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55767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ACA74DE-883F-551C-89FD-E369985602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828000"/>
          </a:xfrm>
        </p:spPr>
        <p:txBody>
          <a:bodyPr anchor="b">
            <a:normAutofit/>
          </a:bodyPr>
          <a:lstStyle/>
          <a:p>
            <a:r>
              <a:rPr lang="da-DK"/>
              <a:t>Præsentation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F4D6ED11-B949-4ED6-AEA1-F4DCC6E2AA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2</a:t>
            </a:fld>
            <a:endParaRPr lang="da-DK"/>
          </a:p>
        </p:txBody>
      </p:sp>
      <p:graphicFrame>
        <p:nvGraphicFramePr>
          <p:cNvPr id="6" name="Pladsholder til indhold 3">
            <a:extLst>
              <a:ext uri="{FF2B5EF4-FFF2-40B4-BE49-F238E27FC236}">
                <a16:creationId xmlns:a16="http://schemas.microsoft.com/office/drawing/2014/main" id="{82009EE0-188C-CD31-8AA1-03C4AF64C976}"/>
              </a:ext>
            </a:extLst>
          </p:cNvPr>
          <p:cNvGraphicFramePr>
            <a:graphicFrameLocks noGrp="1"/>
          </p:cNvGraphicFramePr>
          <p:nvPr>
            <p:ph sz="quarter" idx="13"/>
            <p:extLst>
              <p:ext uri="{D42A27DB-BD31-4B8C-83A1-F6EECF244321}">
                <p14:modId xmlns:p14="http://schemas.microsoft.com/office/powerpoint/2010/main" val="840417615"/>
              </p:ext>
            </p:extLst>
          </p:nvPr>
        </p:nvGraphicFramePr>
        <p:xfrm>
          <a:off x="1367999" y="1989139"/>
          <a:ext cx="10136614" cy="34988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71383021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96F8869-A9E2-3C99-BD2D-218A9F9B57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6837" y="871200"/>
            <a:ext cx="10137775" cy="828000"/>
          </a:xfrm>
        </p:spPr>
        <p:txBody>
          <a:bodyPr anchor="b">
            <a:normAutofit/>
          </a:bodyPr>
          <a:lstStyle/>
          <a:p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ntroduktion</a:t>
            </a:r>
            <a:r>
              <a:rPr lang="da-DK" dirty="0"/>
              <a:t> 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D2E483D-801E-3281-807D-4A0E21D8B94D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6837" y="1989139"/>
            <a:ext cx="4924425" cy="3498850"/>
          </a:xfrm>
        </p:spPr>
        <p:txBody>
          <a:bodyPr>
            <a:normAutofit/>
          </a:bodyPr>
          <a:lstStyle/>
          <a:p>
            <a: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Efter ønske fra sidste års FSLA har vi i dag forberedt et oplæg om ‘’</a:t>
            </a:r>
            <a:r>
              <a:rPr lang="da-DK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pleuradræn</a:t>
            </a:r>
            <a: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’’. </a:t>
            </a:r>
          </a:p>
          <a:p>
            <a: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Pleuradræn er et kateter der bliver placeret i </a:t>
            </a:r>
            <a:r>
              <a:rPr lang="da-DK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pleurahulen</a:t>
            </a:r>
            <a: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. Der kan være forskellige årsager til denne behandling. </a:t>
            </a:r>
          </a:p>
        </p:txBody>
      </p:sp>
      <p:pic>
        <p:nvPicPr>
          <p:cNvPr id="2050" name="Picture 2" descr="Pleje og observation af pigtail nefrostomikateter">
            <a:extLst>
              <a:ext uri="{FF2B5EF4-FFF2-40B4-BE49-F238E27FC236}">
                <a16:creationId xmlns:a16="http://schemas.microsoft.com/office/drawing/2014/main" id="{F34A5F55-48C3-987C-9497-B99E63F404C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717" t="-531" r="34917" b="532"/>
          <a:stretch/>
        </p:blipFill>
        <p:spPr bwMode="auto">
          <a:xfrm>
            <a:off x="6580188" y="1989139"/>
            <a:ext cx="4924424" cy="3500776"/>
          </a:xfrm>
          <a:prstGeom prst="rect">
            <a:avLst/>
          </a:prstGeom>
          <a:solidFill>
            <a:srgbClr val="FFFFFF"/>
          </a:solidFill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93AF88D-F5A1-FBB4-E73F-D2CCF67B6D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8279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848AB9B-EDE2-8FDB-1A0A-D47B03468B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41962" y="577772"/>
            <a:ext cx="10137524" cy="828000"/>
          </a:xfrm>
        </p:spPr>
        <p:txBody>
          <a:bodyPr/>
          <a:lstStyle/>
          <a:p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Anlæggelse af </a:t>
            </a:r>
            <a:r>
              <a:rPr lang="da-DK" dirty="0" err="1">
                <a:latin typeface="Calibri" panose="020F0502020204030204" pitchFamily="34" charset="0"/>
                <a:cs typeface="Calibri" panose="020F0502020204030204" pitchFamily="34" charset="0"/>
              </a:rPr>
              <a:t>pleuradræn</a:t>
            </a:r>
            <a:endParaRPr lang="da-DK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4142E519-1959-6A1B-4B2C-5EB376F89A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FC81AF2-E222-1A71-42F0-9BEA1BF97A0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055440" y="1467802"/>
            <a:ext cx="6672217" cy="2001499"/>
          </a:xfrm>
        </p:spPr>
        <p:txBody>
          <a:bodyPr/>
          <a:lstStyle/>
          <a:p>
            <a:pPr>
              <a:buClr>
                <a:srgbClr val="333333"/>
              </a:buClr>
            </a:pPr>
            <a:r>
              <a:rPr lang="da-DK" sz="2000" dirty="0">
                <a:solidFill>
                  <a:srgbClr val="333333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</a:t>
            </a:r>
            <a:r>
              <a:rPr lang="da-DK" sz="2000" b="0" i="0" u="none" strike="noStrike" baseline="0" dirty="0">
                <a:solidFill>
                  <a:srgbClr val="333333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nlægges som udgangspunkt i eget </a:t>
            </a:r>
            <a:br>
              <a:rPr lang="da-DK" sz="2000" b="0" i="0" u="none" strike="noStrike" baseline="0" dirty="0">
                <a:solidFill>
                  <a:srgbClr val="333333"/>
                </a:solidFill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da-DK" sz="2000" b="0" i="0" u="none" strike="noStrike" baseline="0" dirty="0">
                <a:solidFill>
                  <a:srgbClr val="333333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lungeambulatorie </a:t>
            </a:r>
          </a:p>
          <a:p>
            <a:pPr>
              <a:buClr>
                <a:srgbClr val="333333"/>
              </a:buClr>
            </a:pPr>
            <a: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Ved behov for akut drænanlæggelse efter klokken </a:t>
            </a:r>
            <a:b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15 og i weekenden/helligdage, anlægges drænet </a:t>
            </a:r>
            <a:b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på patientens stue. </a:t>
            </a:r>
          </a:p>
        </p:txBody>
      </p:sp>
      <p:pic>
        <p:nvPicPr>
          <p:cNvPr id="10" name="Billede 9" descr="Et billede, der indeholder plastik/plast, mur, indendørs, kasse&#10;&#10;Automatisk genereret beskrivelse">
            <a:extLst>
              <a:ext uri="{FF2B5EF4-FFF2-40B4-BE49-F238E27FC236}">
                <a16:creationId xmlns:a16="http://schemas.microsoft.com/office/drawing/2014/main" id="{A6F4C7CB-ED55-78B0-95EF-FDA809C3EDF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colorTemperature colorTemp="72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7630841" y="146235"/>
            <a:ext cx="3802025" cy="3865697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D1DB284A-6AE8-1D9D-CCC0-EEC5D2569898}"/>
              </a:ext>
            </a:extLst>
          </p:cNvPr>
          <p:cNvPicPr>
            <a:picLocks noChangeAspect="1"/>
          </p:cNvPicPr>
          <p:nvPr/>
        </p:nvPicPr>
        <p:blipFill>
          <a:blip r:embed="rId5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1341962" y="3298533"/>
            <a:ext cx="5509077" cy="2971773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14" name="Tekstfelt 13">
            <a:extLst>
              <a:ext uri="{FF2B5EF4-FFF2-40B4-BE49-F238E27FC236}">
                <a16:creationId xmlns:a16="http://schemas.microsoft.com/office/drawing/2014/main" id="{8FD840DC-AFC5-8AF2-A19B-47E50F9E3B31}"/>
              </a:ext>
            </a:extLst>
          </p:cNvPr>
          <p:cNvSpPr txBox="1"/>
          <p:nvPr/>
        </p:nvSpPr>
        <p:spPr>
          <a:xfrm>
            <a:off x="7032104" y="4149080"/>
            <a:ext cx="6096000" cy="163121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Ved anlæggelse på stue foretages drænanlæggelsen af den læge og </a:t>
            </a:r>
            <a:b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sygeplejerske, som er i vagt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Sygeplejerskens opgave er at assistere </a:t>
            </a:r>
            <a:b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lægen og klargøre proceduren. </a:t>
            </a:r>
          </a:p>
        </p:txBody>
      </p:sp>
    </p:spTree>
    <p:extLst>
      <p:ext uri="{BB962C8B-B14F-4D97-AF65-F5344CB8AC3E}">
        <p14:creationId xmlns:p14="http://schemas.microsoft.com/office/powerpoint/2010/main" val="111996678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94DDE6-8E70-396B-2104-E98BFA56C6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0537" y="644859"/>
            <a:ext cx="10137524" cy="828000"/>
          </a:xfrm>
        </p:spPr>
        <p:txBody>
          <a:bodyPr/>
          <a:lstStyle/>
          <a:p>
            <a:r>
              <a:rPr lang="da-DK" sz="3000" dirty="0">
                <a:latin typeface="Calibri" panose="020F0502020204030204" pitchFamily="34" charset="0"/>
                <a:cs typeface="Calibri" panose="020F0502020204030204" pitchFamily="34" charset="0"/>
              </a:rPr>
              <a:t>Indikationer for </a:t>
            </a:r>
            <a:r>
              <a:rPr lang="da-DK" sz="3000" dirty="0" err="1">
                <a:latin typeface="Calibri" panose="020F0502020204030204" pitchFamily="34" charset="0"/>
                <a:cs typeface="Calibri" panose="020F0502020204030204" pitchFamily="34" charset="0"/>
              </a:rPr>
              <a:t>pleuradræn</a:t>
            </a:r>
            <a:endParaRPr lang="da-DK" sz="30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E6B90F86-5D1F-A04E-9D71-E9858A632F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5</a:t>
            </a:fld>
            <a:endParaRPr lang="da-DK" dirty="0"/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89B2E914-0A2A-97A5-863B-BE66F521492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469698388"/>
              </p:ext>
            </p:extLst>
          </p:nvPr>
        </p:nvGraphicFramePr>
        <p:xfrm>
          <a:off x="983432" y="1813678"/>
          <a:ext cx="6912769" cy="422560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8" name="Diagram 7">
            <a:extLst>
              <a:ext uri="{FF2B5EF4-FFF2-40B4-BE49-F238E27FC236}">
                <a16:creationId xmlns:a16="http://schemas.microsoft.com/office/drawing/2014/main" id="{EFD06018-F171-8141-49E5-40A7F228EF3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902169122"/>
              </p:ext>
            </p:extLst>
          </p:nvPr>
        </p:nvGraphicFramePr>
        <p:xfrm>
          <a:off x="6287344" y="1700808"/>
          <a:ext cx="5904656" cy="454060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</p:spTree>
    <p:extLst>
      <p:ext uri="{BB962C8B-B14F-4D97-AF65-F5344CB8AC3E}">
        <p14:creationId xmlns:p14="http://schemas.microsoft.com/office/powerpoint/2010/main" val="58816377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C7D1F7B-4C68-27C4-BCE5-4BF2F063D6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828000"/>
          </a:xfrm>
        </p:spPr>
        <p:txBody>
          <a:bodyPr anchor="b">
            <a:normAutofit/>
          </a:bodyPr>
          <a:lstStyle/>
          <a:p>
            <a:r>
              <a:rPr lang="da-DK" dirty="0"/>
              <a:t>Hvilke dræn vi ser vi på vores afdeling?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0EB4169-CC27-B752-FB31-8809B31ADD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6</a:t>
            </a:fld>
            <a:endParaRPr lang="da-DK"/>
          </a:p>
        </p:txBody>
      </p:sp>
      <p:graphicFrame>
        <p:nvGraphicFramePr>
          <p:cNvPr id="6" name="Pladsholder til indhold 3">
            <a:extLst>
              <a:ext uri="{FF2B5EF4-FFF2-40B4-BE49-F238E27FC236}">
                <a16:creationId xmlns:a16="http://schemas.microsoft.com/office/drawing/2014/main" id="{55CD74F9-093F-B22E-52D3-4C9FF7A25354}"/>
              </a:ext>
            </a:extLst>
          </p:cNvPr>
          <p:cNvGraphicFramePr>
            <a:graphicFrameLocks noGrp="1"/>
          </p:cNvGraphicFramePr>
          <p:nvPr>
            <p:ph sz="quarter" idx="13"/>
            <p:extLst>
              <p:ext uri="{D42A27DB-BD31-4B8C-83A1-F6EECF244321}">
                <p14:modId xmlns:p14="http://schemas.microsoft.com/office/powerpoint/2010/main" val="3943384847"/>
              </p:ext>
            </p:extLst>
          </p:nvPr>
        </p:nvGraphicFramePr>
        <p:xfrm>
          <a:off x="1367999" y="1989139"/>
          <a:ext cx="10136614" cy="34988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4470103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8E3A6DD-DB19-22DA-C50D-48315A5B5F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828000"/>
          </a:xfrm>
        </p:spPr>
        <p:txBody>
          <a:bodyPr anchor="b">
            <a:normAutofit/>
          </a:bodyPr>
          <a:lstStyle/>
          <a:p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Behandling til patienter med empyem og pleuravæske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B7DF51A3-65F4-FD1D-EB0A-E5D486D122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7</a:t>
            </a:fld>
            <a:endParaRPr lang="da-DK"/>
          </a:p>
        </p:txBody>
      </p:sp>
      <p:graphicFrame>
        <p:nvGraphicFramePr>
          <p:cNvPr id="8" name="Pladsholder til indhold 3">
            <a:extLst>
              <a:ext uri="{FF2B5EF4-FFF2-40B4-BE49-F238E27FC236}">
                <a16:creationId xmlns:a16="http://schemas.microsoft.com/office/drawing/2014/main" id="{217967AA-05EC-4E4A-EBAE-F99460FD269A}"/>
              </a:ext>
            </a:extLst>
          </p:cNvPr>
          <p:cNvGraphicFramePr>
            <a:graphicFrameLocks noGrp="1"/>
          </p:cNvGraphicFramePr>
          <p:nvPr>
            <p:ph sz="quarter" idx="13"/>
            <p:extLst>
              <p:ext uri="{D42A27DB-BD31-4B8C-83A1-F6EECF244321}">
                <p14:modId xmlns:p14="http://schemas.microsoft.com/office/powerpoint/2010/main" val="1430000704"/>
              </p:ext>
            </p:extLst>
          </p:nvPr>
        </p:nvGraphicFramePr>
        <p:xfrm>
          <a:off x="1367999" y="1989139"/>
          <a:ext cx="10136614" cy="34988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245799653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8B36FD3-9D73-7CA9-3612-C22CE4B350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828000"/>
          </a:xfrm>
        </p:spPr>
        <p:txBody>
          <a:bodyPr anchor="b">
            <a:normAutofit/>
          </a:bodyPr>
          <a:lstStyle/>
          <a:p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ndikation for </a:t>
            </a:r>
            <a:r>
              <a:rPr lang="da-DK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seponering</a:t>
            </a:r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af </a:t>
            </a:r>
            <a:r>
              <a:rPr lang="da-DK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leuradræn</a:t>
            </a:r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– </a:t>
            </a:r>
            <a:r>
              <a:rPr lang="da-DK" dirty="0" err="1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mpyem</a:t>
            </a:r>
            <a:r>
              <a:rPr lang="da-DK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og pleuravæske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E7E4EE3-275D-AEA9-6302-06A66A75E0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8</a:t>
            </a:fld>
            <a:endParaRPr lang="da-DK"/>
          </a:p>
        </p:txBody>
      </p:sp>
      <p:graphicFrame>
        <p:nvGraphicFramePr>
          <p:cNvPr id="8" name="Pladsholder til indhold 3">
            <a:extLst>
              <a:ext uri="{FF2B5EF4-FFF2-40B4-BE49-F238E27FC236}">
                <a16:creationId xmlns:a16="http://schemas.microsoft.com/office/drawing/2014/main" id="{D6EBBD65-920A-DEF7-284A-B8508CED1794}"/>
              </a:ext>
            </a:extLst>
          </p:cNvPr>
          <p:cNvGraphicFramePr>
            <a:graphicFrameLocks noGrp="1"/>
          </p:cNvGraphicFramePr>
          <p:nvPr>
            <p:ph sz="quarter" idx="13"/>
            <p:extLst>
              <p:ext uri="{D42A27DB-BD31-4B8C-83A1-F6EECF244321}">
                <p14:modId xmlns:p14="http://schemas.microsoft.com/office/powerpoint/2010/main" val="2054851018"/>
              </p:ext>
            </p:extLst>
          </p:nvPr>
        </p:nvGraphicFramePr>
        <p:xfrm>
          <a:off x="1367999" y="1989139"/>
          <a:ext cx="10136614" cy="34988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05039248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374D6B-0108-B080-F7BE-CADA11C9AB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Behandling til patienter med pneumothorax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4C6123C-0CB1-B14A-8F59-72E79422FF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8DDDC91-6955-1C06-2569-5F7CDECD9FA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R="0" algn="l" rtl="0"/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Pigtailkateter tilkobles </a:t>
            </a:r>
            <a:r>
              <a:rPr lang="da-DK" dirty="0" err="1">
                <a:latin typeface="Calibri" panose="020F0502020204030204" pitchFamily="34" charset="0"/>
                <a:cs typeface="Calibri" panose="020F0502020204030204" pitchFamily="34" charset="0"/>
              </a:rPr>
              <a:t>Thopaz</a:t>
            </a:r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  <a:p>
            <a:pPr marR="0" algn="l" rtl="0"/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Sug indstilles efter ordination fra læge </a:t>
            </a:r>
          </a:p>
          <a:p>
            <a:pPr marR="0" algn="l" rtl="0"/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Dræntjek på </a:t>
            </a:r>
            <a:r>
              <a:rPr lang="da-DK" dirty="0" err="1">
                <a:latin typeface="Calibri" panose="020F0502020204030204" pitchFamily="34" charset="0"/>
                <a:cs typeface="Calibri" panose="020F0502020204030204" pitchFamily="34" charset="0"/>
              </a:rPr>
              <a:t>Thopaz</a:t>
            </a:r>
            <a:endParaRPr lang="da-DK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1"/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Hvor meget lufter drænet?</a:t>
            </a:r>
          </a:p>
          <a:p>
            <a:pPr lvl="1"/>
            <a:r>
              <a:rPr lang="da-DK" dirty="0">
                <a:latin typeface="Calibri" panose="020F0502020204030204" pitchFamily="34" charset="0"/>
                <a:cs typeface="Calibri" panose="020F0502020204030204" pitchFamily="34" charset="0"/>
              </a:rPr>
              <a:t>Fungerer drænet? (funktionstest)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6BAB974A-95C1-1655-361A-F49411E6FAF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28048" y="1997379"/>
            <a:ext cx="4706007" cy="3724795"/>
          </a:xfrm>
          <a:prstGeom prst="rect">
            <a:avLst/>
          </a:prstGeom>
        </p:spPr>
      </p:pic>
      <p:pic>
        <p:nvPicPr>
          <p:cNvPr id="5" name="Pladsholder til indhold 4">
            <a:extLst>
              <a:ext uri="{FF2B5EF4-FFF2-40B4-BE49-F238E27FC236}">
                <a16:creationId xmlns:a16="http://schemas.microsoft.com/office/drawing/2014/main" id="{FBE89864-70D0-6FCD-435C-52262207F17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976320" y="72403"/>
            <a:ext cx="2952328" cy="1600625"/>
          </a:xfrm>
          <a:prstGeom prst="rect">
            <a:avLst/>
          </a:prstGeom>
          <a:noFill/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4133D774-9FCD-5E40-BA72-F993D3CE90B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847528" y="4375970"/>
            <a:ext cx="3600400" cy="16633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04643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7072470311918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70724703119180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ue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19A5EA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21087 - Bispebjerg - PP -  Flora - 25042022" id="{7CFDF736-D379-4479-B974-B65D3E2E28B8}" vid="{4FE37D3C-89E7-45F9-A851-F4C04A0E2AA5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item1.xml><?xml version="1.0" encoding="utf-8"?>
<TemplafyFormConfiguration><![CDATA[{"formFields":[],"formDataEntries":[]}]]></TemplafyFormConfiguration>
</file>

<file path=customXml/item2.xml><?xml version="1.0" encoding="utf-8"?>
<TemplafyTemplateConfiguration><![CDATA[{"elementsMetadata":[],"transformationConfigurations":[],"templateName":"BFH grøn","templateDescription":"","enableDocumentContentUpdater":false,"version":"2.0"}]]></Templafy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slideVersion":1,"isValidatorEnabled":false,"isLocked":false,"elementsMetadata":[],"slideId":"996308452024516608","enableDocumentContentUpdater":false,"version":"2.0"}]]></TemplafySlideTemplateConfiguration>
</file>

<file path=customXml/item6.xml><?xml version="1.0" encoding="utf-8"?>
<TemplafySlideTemplateConfiguration><![CDATA[{"slideVersion":1,"isValidatorEnabled":false,"isLocked":false,"elementsMetadata":[],"slideId":"996308452024516608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973011D2-C190-463B-B65F-2D300E436861}">
  <ds:schemaRefs/>
</ds:datastoreItem>
</file>

<file path=customXml/itemProps2.xml><?xml version="1.0" encoding="utf-8"?>
<ds:datastoreItem xmlns:ds="http://schemas.openxmlformats.org/officeDocument/2006/customXml" ds:itemID="{E36D549A-1C82-4136-ABE6-15E8487605F6}">
  <ds:schemaRefs/>
</ds:datastoreItem>
</file>

<file path=customXml/itemProps3.xml><?xml version="1.0" encoding="utf-8"?>
<ds:datastoreItem xmlns:ds="http://schemas.openxmlformats.org/officeDocument/2006/customXml" ds:itemID="{A1F5B052-FDE7-492E-B9DC-EFD001853151}">
  <ds:schemaRefs/>
</ds:datastoreItem>
</file>

<file path=customXml/itemProps4.xml><?xml version="1.0" encoding="utf-8"?>
<ds:datastoreItem xmlns:ds="http://schemas.openxmlformats.org/officeDocument/2006/customXml" ds:itemID="{0FA6F5E3-E6AA-4CC3-BFE5-84FBACCC7455}">
  <ds:schemaRefs/>
</ds:datastoreItem>
</file>

<file path=customXml/itemProps5.xml><?xml version="1.0" encoding="utf-8"?>
<ds:datastoreItem xmlns:ds="http://schemas.openxmlformats.org/officeDocument/2006/customXml" ds:itemID="{E2E35F8E-9A1E-4F7A-A7A3-CDC02A97A236}">
  <ds:schemaRefs/>
</ds:datastoreItem>
</file>

<file path=customXml/itemProps6.xml><?xml version="1.0" encoding="utf-8"?>
<ds:datastoreItem xmlns:ds="http://schemas.openxmlformats.org/officeDocument/2006/customXml" ds:itemID="{6E5BA824-1E33-4D99-8226-FA4E423079D2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730</Words>
  <Application>Microsoft Office PowerPoint</Application>
  <PresentationFormat>Widescreen</PresentationFormat>
  <Paragraphs>114</Paragraphs>
  <Slides>18</Slides>
  <Notes>14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8</vt:i4>
      </vt:variant>
    </vt:vector>
  </HeadingPairs>
  <TitlesOfParts>
    <vt:vector size="23" baseType="lpstr">
      <vt:lpstr>Arial</vt:lpstr>
      <vt:lpstr>Calibri</vt:lpstr>
      <vt:lpstr>Tahoma</vt:lpstr>
      <vt:lpstr>Verdana</vt:lpstr>
      <vt:lpstr>REGION H Hospital PowerPoint Skabelon_DKfinal</vt:lpstr>
      <vt:lpstr>Pleuradræn</vt:lpstr>
      <vt:lpstr>Præsentation </vt:lpstr>
      <vt:lpstr>Introduktion </vt:lpstr>
      <vt:lpstr>Anlæggelse af pleuradræn</vt:lpstr>
      <vt:lpstr>Indikationer for pleuradræn</vt:lpstr>
      <vt:lpstr>Hvilke dræn vi ser vi på vores afdeling? </vt:lpstr>
      <vt:lpstr>Behandling til patienter med empyem og pleuravæske</vt:lpstr>
      <vt:lpstr>Indikation for seponering af pleuradræn – Empyem og pleuravæske</vt:lpstr>
      <vt:lpstr>Behandling til patienter med pneumothorax </vt:lpstr>
      <vt:lpstr>Indikation for seponering af pleuradræn – Pneumothorax </vt:lpstr>
      <vt:lpstr>Sygepleje til patienten med pleuradræn under indlæggelse </vt:lpstr>
      <vt:lpstr>Dokumentation og observation af  dræn i SP </vt:lpstr>
      <vt:lpstr>Smerter og mobilisering </vt:lpstr>
      <vt:lpstr>Intrapleural terapi</vt:lpstr>
      <vt:lpstr>Seponering af dræn </vt:lpstr>
      <vt:lpstr>Opfølgning </vt:lpstr>
      <vt:lpstr>PowerPoint-præsentation</vt:lpstr>
      <vt:lpstr>Kilder 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5-02-27T06:50:59Z</dcterms:created>
  <dcterms:modified xsi:type="dcterms:W3CDTF">2025-03-11T12:46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4-09-04T10:12:48</vt:lpwstr>
  </property>
  <property fmtid="{D5CDD505-2E9C-101B-9397-08002B2CF9AE}" pid="3" name="TemplafyTenantId">
    <vt:lpwstr>regionh</vt:lpwstr>
  </property>
  <property fmtid="{D5CDD505-2E9C-101B-9397-08002B2CF9AE}" pid="4" name="TemplafyTemplateId">
    <vt:lpwstr>637870724701048738</vt:lpwstr>
  </property>
  <property fmtid="{D5CDD505-2E9C-101B-9397-08002B2CF9AE}" pid="5" name="TemplafyUserProfileId">
    <vt:lpwstr>981432858778272097</vt:lpwstr>
  </property>
  <property fmtid="{D5CDD505-2E9C-101B-9397-08002B2CF9AE}" pid="6" name="TemplafyLanguageCode">
    <vt:lpwstr>da-DK</vt:lpwstr>
  </property>
  <property fmtid="{D5CDD505-2E9C-101B-9397-08002B2CF9AE}" pid="7" name="TemplafyFromBlank">
    <vt:bool>false</vt:bool>
  </property>
</Properties>
</file>